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066\Desktop\"/>
    </mc:Choice>
  </mc:AlternateContent>
  <bookViews>
    <workbookView xWindow="600" yWindow="120" windowWidth="19395" windowHeight="7830"/>
  </bookViews>
  <sheets>
    <sheet name="目次" sheetId="9" r:id="rId1"/>
    <sheet name="農産" sheetId="3" r:id="rId2"/>
    <sheet name="水産" sheetId="4" r:id="rId3"/>
    <sheet name="調味料" sheetId="5" r:id="rId4"/>
    <sheet name="飲料" sheetId="6" r:id="rId5"/>
    <sheet name="その他" sheetId="7" r:id="rId6"/>
    <sheet name="検査" sheetId="8" r:id="rId7"/>
  </sheets>
  <definedNames>
    <definedName name="_xlnm._FilterDatabase" localSheetId="2" hidden="1">水産!$A$1:$J$18</definedName>
    <definedName name="_xlnm.Print_Area" localSheetId="5">その他!$A$1:$J$25</definedName>
    <definedName name="_xlnm.Print_Area" localSheetId="4">飲料!$A$2:$J$15</definedName>
    <definedName name="_xlnm.Print_Area" localSheetId="6">検査!$A$1:$J$22</definedName>
    <definedName name="_xlnm.Print_Area" localSheetId="2">水産!$A$1:$J$19</definedName>
    <definedName name="_xlnm.Print_Area" localSheetId="3">調味料!$A$1:$J$8</definedName>
    <definedName name="_xlnm.Print_Area" localSheetId="1">農産!$A$1:$J$22</definedName>
    <definedName name="_xlnm.Print_Titles" localSheetId="5">その他!$A:$J,その他!$1:$2</definedName>
    <definedName name="_xlnm.Print_Titles" localSheetId="4">飲料!$A:$J,飲料!$1:$2</definedName>
    <definedName name="_xlnm.Print_Titles" localSheetId="6">検査!$A:$J,検査!$1:$2</definedName>
    <definedName name="_xlnm.Print_Titles" localSheetId="2">水産!$A:$J,水産!$1:$2</definedName>
    <definedName name="_xlnm.Print_Titles" localSheetId="3">調味料!$A:$J,調味料!$1:$2</definedName>
    <definedName name="_xlnm.Print_Titles" localSheetId="1">農産!$A:$J,農産!$1:$2</definedName>
  </definedNames>
  <calcPr calcId="162913"/>
</workbook>
</file>

<file path=xl/calcChain.xml><?xml version="1.0" encoding="utf-8"?>
<calcChain xmlns="http://schemas.openxmlformats.org/spreadsheetml/2006/main">
  <c r="J2" i="8" l="1"/>
  <c r="J2" i="7"/>
  <c r="J2" i="6"/>
  <c r="J2" i="5"/>
  <c r="J2" i="4"/>
</calcChain>
</file>

<file path=xl/sharedStrings.xml><?xml version="1.0" encoding="utf-8"?>
<sst xmlns="http://schemas.openxmlformats.org/spreadsheetml/2006/main" count="867" uniqueCount="498">
  <si>
    <t>取引ロット</t>
    <rPh sb="0" eb="2">
      <t>トリヒキ</t>
    </rPh>
    <phoneticPr fontId="1"/>
  </si>
  <si>
    <t>納期</t>
    <rPh sb="0" eb="2">
      <t>ノウキ</t>
    </rPh>
    <phoneticPr fontId="1"/>
  </si>
  <si>
    <t>企業名</t>
    <rPh sb="0" eb="2">
      <t>キギョウ</t>
    </rPh>
    <rPh sb="2" eb="3">
      <t>メイ</t>
    </rPh>
    <phoneticPr fontId="1"/>
  </si>
  <si>
    <t>担当者</t>
    <rPh sb="0" eb="3">
      <t>タントウシャ</t>
    </rPh>
    <phoneticPr fontId="1"/>
  </si>
  <si>
    <t>連絡先</t>
    <rPh sb="0" eb="3">
      <t>レンラクサキ</t>
    </rPh>
    <phoneticPr fontId="1"/>
  </si>
  <si>
    <t>電話</t>
    <rPh sb="0" eb="2">
      <t>デンワ</t>
    </rPh>
    <phoneticPr fontId="1"/>
  </si>
  <si>
    <t>ＦＡＸ</t>
    <phoneticPr fontId="1"/>
  </si>
  <si>
    <t>メール</t>
    <phoneticPr fontId="1"/>
  </si>
  <si>
    <t>得意とする加工内容・技術</t>
    <rPh sb="0" eb="2">
      <t>トクイ</t>
    </rPh>
    <rPh sb="5" eb="7">
      <t>カコウ</t>
    </rPh>
    <rPh sb="7" eb="9">
      <t>ナイヨウ</t>
    </rPh>
    <rPh sb="10" eb="12">
      <t>ギジュツ</t>
    </rPh>
    <phoneticPr fontId="1"/>
  </si>
  <si>
    <t>相談に応じます</t>
    <rPh sb="0" eb="2">
      <t>ソウダン</t>
    </rPh>
    <rPh sb="3" eb="4">
      <t>オウ</t>
    </rPh>
    <phoneticPr fontId="1"/>
  </si>
  <si>
    <t>石見食品㈱</t>
    <rPh sb="0" eb="2">
      <t>イワミ</t>
    </rPh>
    <rPh sb="2" eb="4">
      <t>ショクヒン</t>
    </rPh>
    <phoneticPr fontId="1"/>
  </si>
  <si>
    <t>大豆製品（豆腐、油揚げなど）に係る製造</t>
    <rPh sb="0" eb="2">
      <t>ダイズ</t>
    </rPh>
    <rPh sb="2" eb="4">
      <t>セイヒン</t>
    </rPh>
    <rPh sb="5" eb="7">
      <t>トウフ</t>
    </rPh>
    <rPh sb="8" eb="9">
      <t>アブラ</t>
    </rPh>
    <rPh sb="9" eb="10">
      <t>ア</t>
    </rPh>
    <rPh sb="15" eb="16">
      <t>カカ</t>
    </rPh>
    <rPh sb="17" eb="19">
      <t>セイゾウ</t>
    </rPh>
    <phoneticPr fontId="1"/>
  </si>
  <si>
    <t>石田　浩志</t>
    <rPh sb="0" eb="2">
      <t>イシダ</t>
    </rPh>
    <rPh sb="3" eb="5">
      <t>ヒロシ</t>
    </rPh>
    <phoneticPr fontId="1"/>
  </si>
  <si>
    <t>0855-28-1211</t>
    <phoneticPr fontId="1"/>
  </si>
  <si>
    <t>0855-28-3330</t>
    <phoneticPr fontId="1"/>
  </si>
  <si>
    <t>h.ishida@iwami-foods.co.jp</t>
    <phoneticPr fontId="1"/>
  </si>
  <si>
    <t>大田農水加工協同組合</t>
    <rPh sb="0" eb="2">
      <t>オオダ</t>
    </rPh>
    <rPh sb="2" eb="4">
      <t>ノウスイ</t>
    </rPh>
    <rPh sb="4" eb="6">
      <t>カコウ</t>
    </rPh>
    <rPh sb="6" eb="8">
      <t>キョウドウ</t>
    </rPh>
    <rPh sb="8" eb="10">
      <t>クミアイ</t>
    </rPh>
    <phoneticPr fontId="1"/>
  </si>
  <si>
    <t>フリーズドライ加工（水産、農産関わらず、味噌汁等、色々加工品まで）</t>
    <rPh sb="7" eb="9">
      <t>カコウ</t>
    </rPh>
    <rPh sb="10" eb="12">
      <t>スイサン</t>
    </rPh>
    <rPh sb="13" eb="15">
      <t>ノウサン</t>
    </rPh>
    <rPh sb="15" eb="16">
      <t>カカ</t>
    </rPh>
    <rPh sb="20" eb="23">
      <t>ミソシル</t>
    </rPh>
    <rPh sb="23" eb="24">
      <t>トウ</t>
    </rPh>
    <rPh sb="25" eb="27">
      <t>イロイロ</t>
    </rPh>
    <rPh sb="27" eb="30">
      <t>カコウヒン</t>
    </rPh>
    <phoneticPr fontId="1"/>
  </si>
  <si>
    <t>堀　さとる</t>
    <rPh sb="0" eb="1">
      <t>ホリ</t>
    </rPh>
    <phoneticPr fontId="1"/>
  </si>
  <si>
    <t>torii@oh-net.com</t>
    <phoneticPr fontId="1"/>
  </si>
  <si>
    <t>ＯＥＭ受託　加工品色々</t>
    <rPh sb="3" eb="5">
      <t>ジュタク</t>
    </rPh>
    <rPh sb="6" eb="9">
      <t>カコウヒン</t>
    </rPh>
    <rPh sb="9" eb="11">
      <t>イロイロ</t>
    </rPh>
    <phoneticPr fontId="1"/>
  </si>
  <si>
    <t>ライスバーガー受託製造</t>
    <rPh sb="7" eb="9">
      <t>ジュタク</t>
    </rPh>
    <rPh sb="9" eb="11">
      <t>セイゾウ</t>
    </rPh>
    <phoneticPr fontId="1"/>
  </si>
  <si>
    <t>冷凍食品の製造</t>
    <rPh sb="0" eb="2">
      <t>レイトウ</t>
    </rPh>
    <rPh sb="2" eb="4">
      <t>ショクヒン</t>
    </rPh>
    <rPh sb="5" eb="7">
      <t>セイゾウ</t>
    </rPh>
    <phoneticPr fontId="1"/>
  </si>
  <si>
    <t>0854-83-7755</t>
    <phoneticPr fontId="1"/>
  </si>
  <si>
    <t>0854-82-3062</t>
    <phoneticPr fontId="1"/>
  </si>
  <si>
    <t>猪加工販売センター</t>
    <rPh sb="0" eb="1">
      <t>イノシシ</t>
    </rPh>
    <rPh sb="1" eb="3">
      <t>カコウ</t>
    </rPh>
    <rPh sb="3" eb="5">
      <t>ハンバイ</t>
    </rPh>
    <phoneticPr fontId="1"/>
  </si>
  <si>
    <t>精肉の加工</t>
    <rPh sb="0" eb="2">
      <t>セイニク</t>
    </rPh>
    <rPh sb="3" eb="5">
      <t>カコウ</t>
    </rPh>
    <phoneticPr fontId="1"/>
  </si>
  <si>
    <t>0855-93-0881</t>
    <phoneticPr fontId="1"/>
  </si>
  <si>
    <t>shishi@iwamicatv.jp</t>
    <phoneticPr fontId="1"/>
  </si>
  <si>
    <t>榎木の郷</t>
    <rPh sb="0" eb="2">
      <t>エノキ</t>
    </rPh>
    <rPh sb="3" eb="4">
      <t>サト</t>
    </rPh>
    <phoneticPr fontId="1"/>
  </si>
  <si>
    <t>惣菜製造</t>
    <rPh sb="0" eb="2">
      <t>ソウザイ</t>
    </rPh>
    <rPh sb="2" eb="4">
      <t>セイゾウ</t>
    </rPh>
    <phoneticPr fontId="1"/>
  </si>
  <si>
    <t>和田　祐子</t>
    <rPh sb="0" eb="2">
      <t>ワダ</t>
    </rPh>
    <rPh sb="3" eb="5">
      <t>ユウコ</t>
    </rPh>
    <phoneticPr fontId="1"/>
  </si>
  <si>
    <t>三浦　紗枝子</t>
    <rPh sb="0" eb="2">
      <t>ミウラ</t>
    </rPh>
    <rPh sb="3" eb="5">
      <t>サエ</t>
    </rPh>
    <rPh sb="5" eb="6">
      <t>コ</t>
    </rPh>
    <phoneticPr fontId="1"/>
  </si>
  <si>
    <t>食肉製品の製造（ハム、ソーセージ、ベーコン、薫製など）</t>
    <rPh sb="0" eb="2">
      <t>ショクニク</t>
    </rPh>
    <rPh sb="2" eb="4">
      <t>セイヒン</t>
    </rPh>
    <rPh sb="5" eb="7">
      <t>セイゾウ</t>
    </rPh>
    <rPh sb="22" eb="24">
      <t>クンセイ</t>
    </rPh>
    <phoneticPr fontId="1"/>
  </si>
  <si>
    <t>15kg～(相談に応じます)</t>
    <rPh sb="6" eb="8">
      <t>ソウダン</t>
    </rPh>
    <rPh sb="9" eb="10">
      <t>オウ</t>
    </rPh>
    <phoneticPr fontId="1"/>
  </si>
  <si>
    <t>１～２週間程度</t>
    <rPh sb="3" eb="5">
      <t>シュウカン</t>
    </rPh>
    <rPh sb="5" eb="7">
      <t>テイド</t>
    </rPh>
    <phoneticPr fontId="1"/>
  </si>
  <si>
    <t>曽田　正彦</t>
    <rPh sb="0" eb="2">
      <t>ソタ</t>
    </rPh>
    <rPh sb="3" eb="5">
      <t>マサヒコ</t>
    </rPh>
    <phoneticPr fontId="1"/>
  </si>
  <si>
    <t>0853-25-7880</t>
    <phoneticPr fontId="1"/>
  </si>
  <si>
    <t>0853-25-7881</t>
  </si>
  <si>
    <t>iris@megumi-llc.jp</t>
    <phoneticPr fontId="1"/>
  </si>
  <si>
    <t>㈱岡田屋本店</t>
    <rPh sb="1" eb="3">
      <t>オカダ</t>
    </rPh>
    <rPh sb="3" eb="4">
      <t>ヤ</t>
    </rPh>
    <rPh sb="4" eb="6">
      <t>ホンテン</t>
    </rPh>
    <phoneticPr fontId="1"/>
  </si>
  <si>
    <t>パウチ袋入り甘酒の製造</t>
    <rPh sb="3" eb="4">
      <t>フクロ</t>
    </rPh>
    <rPh sb="4" eb="5">
      <t>イ</t>
    </rPh>
    <rPh sb="6" eb="8">
      <t>アマザケ</t>
    </rPh>
    <rPh sb="9" eb="11">
      <t>セイゾウ</t>
    </rPh>
    <phoneticPr fontId="1"/>
  </si>
  <si>
    <t>１回４０００個</t>
    <rPh sb="1" eb="2">
      <t>カイ</t>
    </rPh>
    <rPh sb="6" eb="7">
      <t>コ</t>
    </rPh>
    <phoneticPr fontId="1"/>
  </si>
  <si>
    <t>受注後２週間</t>
    <rPh sb="0" eb="2">
      <t>ジュチュウ</t>
    </rPh>
    <rPh sb="2" eb="3">
      <t>ゴ</t>
    </rPh>
    <rPh sb="4" eb="6">
      <t>シュウカン</t>
    </rPh>
    <phoneticPr fontId="1"/>
  </si>
  <si>
    <t>0856-22-0127</t>
    <phoneticPr fontId="1"/>
  </si>
  <si>
    <t>0856-23-6747</t>
    <phoneticPr fontId="1"/>
  </si>
  <si>
    <t>k-ohtani@kikuyasaka.co.jp</t>
    <phoneticPr fontId="1"/>
  </si>
  <si>
    <t>大谷　弘二</t>
    <rPh sb="0" eb="2">
      <t>オオタニ</t>
    </rPh>
    <rPh sb="3" eb="5">
      <t>コウジ</t>
    </rPh>
    <phoneticPr fontId="1"/>
  </si>
  <si>
    <t>千登世</t>
    <rPh sb="0" eb="3">
      <t>チトセ</t>
    </rPh>
    <phoneticPr fontId="1"/>
  </si>
  <si>
    <t>水産練り製品（かまぼこ）</t>
    <rPh sb="0" eb="2">
      <t>スイサン</t>
    </rPh>
    <rPh sb="2" eb="3">
      <t>ネ</t>
    </rPh>
    <rPh sb="4" eb="6">
      <t>セイヒン</t>
    </rPh>
    <phoneticPr fontId="1"/>
  </si>
  <si>
    <t>2日</t>
    <rPh sb="1" eb="2">
      <t>カ</t>
    </rPh>
    <phoneticPr fontId="1"/>
  </si>
  <si>
    <t>小村</t>
    <rPh sb="0" eb="2">
      <t>オムラ</t>
    </rPh>
    <phoneticPr fontId="1"/>
  </si>
  <si>
    <t>webmaster@k-chitose.com</t>
    <phoneticPr fontId="1"/>
  </si>
  <si>
    <t>0853-62-2108</t>
    <phoneticPr fontId="1"/>
  </si>
  <si>
    <t>0853-63-3692</t>
    <phoneticPr fontId="1"/>
  </si>
  <si>
    <t>㈱出雲国大社食品</t>
    <rPh sb="1" eb="3">
      <t>イズモ</t>
    </rPh>
    <rPh sb="3" eb="4">
      <t>クニ</t>
    </rPh>
    <rPh sb="4" eb="6">
      <t>タイシャ</t>
    </rPh>
    <rPh sb="6" eb="8">
      <t>ショクヒン</t>
    </rPh>
    <phoneticPr fontId="1"/>
  </si>
  <si>
    <t>水産練製品の製造</t>
    <rPh sb="0" eb="2">
      <t>スイサン</t>
    </rPh>
    <rPh sb="2" eb="3">
      <t>ネ</t>
    </rPh>
    <rPh sb="3" eb="5">
      <t>セイヒン</t>
    </rPh>
    <rPh sb="6" eb="8">
      <t>セイゾウ</t>
    </rPh>
    <phoneticPr fontId="1"/>
  </si>
  <si>
    <t>レトルト加工（全カテゴリー）</t>
    <rPh sb="4" eb="6">
      <t>カコウ</t>
    </rPh>
    <rPh sb="7" eb="8">
      <t>ゼン</t>
    </rPh>
    <phoneticPr fontId="1"/>
  </si>
  <si>
    <t>山崎</t>
    <rPh sb="0" eb="2">
      <t>ヤマサキ</t>
    </rPh>
    <phoneticPr fontId="1"/>
  </si>
  <si>
    <t>0853-53-2125</t>
    <phoneticPr fontId="1"/>
  </si>
  <si>
    <t>0853-53-5125</t>
    <phoneticPr fontId="1"/>
  </si>
  <si>
    <t>info@syokuhin.jp</t>
    <phoneticPr fontId="1"/>
  </si>
  <si>
    <t>㈲木村有機農園</t>
    <rPh sb="1" eb="3">
      <t>キムラ</t>
    </rPh>
    <rPh sb="3" eb="5">
      <t>ユウキ</t>
    </rPh>
    <rPh sb="5" eb="7">
      <t>ノウエン</t>
    </rPh>
    <phoneticPr fontId="1"/>
  </si>
  <si>
    <t>高アミロース米使用の米粉100%の麺製造</t>
    <rPh sb="0" eb="1">
      <t>コウ</t>
    </rPh>
    <rPh sb="6" eb="7">
      <t>コメ</t>
    </rPh>
    <rPh sb="7" eb="9">
      <t>シヨウ</t>
    </rPh>
    <rPh sb="10" eb="12">
      <t>コメコ</t>
    </rPh>
    <rPh sb="17" eb="18">
      <t>メン</t>
    </rPh>
    <rPh sb="18" eb="20">
      <t>セイゾウ</t>
    </rPh>
    <phoneticPr fontId="1"/>
  </si>
  <si>
    <t>木村　晴貞</t>
    <rPh sb="0" eb="2">
      <t>キムラ</t>
    </rPh>
    <rPh sb="3" eb="4">
      <t>ハ</t>
    </rPh>
    <rPh sb="4" eb="5">
      <t>サダ</t>
    </rPh>
    <phoneticPr fontId="1"/>
  </si>
  <si>
    <t>0854-74-0717</t>
    <phoneticPr fontId="1"/>
  </si>
  <si>
    <t>harusada@i-yume.ne.jp</t>
    <phoneticPr fontId="1"/>
  </si>
  <si>
    <t>㈲住江建設</t>
    <rPh sb="1" eb="3">
      <t>スミエ</t>
    </rPh>
    <rPh sb="3" eb="5">
      <t>ケンセツ</t>
    </rPh>
    <phoneticPr fontId="1"/>
  </si>
  <si>
    <t>焼き加工（要相談）</t>
    <rPh sb="0" eb="1">
      <t>ヤ</t>
    </rPh>
    <rPh sb="2" eb="4">
      <t>カコウ</t>
    </rPh>
    <rPh sb="5" eb="6">
      <t>ヨウ</t>
    </rPh>
    <rPh sb="6" eb="8">
      <t>ソウダン</t>
    </rPh>
    <phoneticPr fontId="1"/>
  </si>
  <si>
    <t>右田　哲也</t>
    <rPh sb="0" eb="2">
      <t>ミギタ</t>
    </rPh>
    <rPh sb="3" eb="5">
      <t>テツヤ</t>
    </rPh>
    <phoneticPr fontId="1"/>
  </si>
  <si>
    <t>0855-92-0333</t>
    <phoneticPr fontId="1"/>
  </si>
  <si>
    <t>0855-92-1245</t>
    <phoneticPr fontId="1"/>
  </si>
  <si>
    <t>tetuya-m@sumie-kk.jp</t>
    <phoneticPr fontId="1"/>
  </si>
  <si>
    <t>天然シリカ水充填</t>
    <rPh sb="0" eb="2">
      <t>テンネン</t>
    </rPh>
    <rPh sb="5" eb="6">
      <t>スイ</t>
    </rPh>
    <rPh sb="6" eb="8">
      <t>ジュウテン</t>
    </rPh>
    <phoneticPr fontId="1"/>
  </si>
  <si>
    <t>takao-ito@saninkubota.co.jp</t>
    <phoneticPr fontId="1"/>
  </si>
  <si>
    <t>山陰クボタ水道用材㈱</t>
    <rPh sb="0" eb="2">
      <t>サンイン</t>
    </rPh>
    <rPh sb="5" eb="7">
      <t>スイドウ</t>
    </rPh>
    <rPh sb="7" eb="9">
      <t>ヨウザイ</t>
    </rPh>
    <phoneticPr fontId="1"/>
  </si>
  <si>
    <t>0852-60-5605</t>
    <phoneticPr fontId="1"/>
  </si>
  <si>
    <t>伊藤　隆生</t>
    <rPh sb="0" eb="2">
      <t>イトウ</t>
    </rPh>
    <rPh sb="3" eb="5">
      <t>タカオ</t>
    </rPh>
    <phoneticPr fontId="1"/>
  </si>
  <si>
    <t>日本茶の製造・加工</t>
    <rPh sb="0" eb="3">
      <t>ニホンチャ</t>
    </rPh>
    <rPh sb="4" eb="6">
      <t>セイゾウ</t>
    </rPh>
    <rPh sb="7" eb="9">
      <t>カコウ</t>
    </rPh>
    <phoneticPr fontId="1"/>
  </si>
  <si>
    <t>小ロットから可</t>
    <rPh sb="0" eb="1">
      <t>ショウ</t>
    </rPh>
    <rPh sb="6" eb="7">
      <t>カ</t>
    </rPh>
    <phoneticPr fontId="1"/>
  </si>
  <si>
    <t>0852-26-5747</t>
    <phoneticPr fontId="1"/>
  </si>
  <si>
    <t>0852-26-5746</t>
    <phoneticPr fontId="1"/>
  </si>
  <si>
    <t>hmoriyama@moriyamaen.co.jp</t>
    <phoneticPr fontId="1"/>
  </si>
  <si>
    <t>健康茶の製造・加工</t>
    <rPh sb="0" eb="2">
      <t>ケンコウ</t>
    </rPh>
    <rPh sb="2" eb="3">
      <t>チャ</t>
    </rPh>
    <rPh sb="4" eb="6">
      <t>セイゾウ</t>
    </rPh>
    <rPh sb="7" eb="9">
      <t>カコウ</t>
    </rPh>
    <phoneticPr fontId="1"/>
  </si>
  <si>
    <t>㈲森山園</t>
    <rPh sb="1" eb="3">
      <t>モリヤマ</t>
    </rPh>
    <rPh sb="3" eb="4">
      <t>エン</t>
    </rPh>
    <phoneticPr fontId="1"/>
  </si>
  <si>
    <t>森山　英行</t>
    <rPh sb="0" eb="2">
      <t>モリヤマ</t>
    </rPh>
    <rPh sb="3" eb="5">
      <t>ヒデユキ</t>
    </rPh>
    <phoneticPr fontId="1"/>
  </si>
  <si>
    <t>豆富の製造（指定大豆での製造可）</t>
    <rPh sb="0" eb="2">
      <t>トウフ</t>
    </rPh>
    <rPh sb="3" eb="5">
      <t>セイゾウ</t>
    </rPh>
    <rPh sb="6" eb="8">
      <t>シテイ</t>
    </rPh>
    <rPh sb="8" eb="10">
      <t>ダイズ</t>
    </rPh>
    <rPh sb="12" eb="14">
      <t>セイゾウ</t>
    </rPh>
    <rPh sb="14" eb="15">
      <t>カ</t>
    </rPh>
    <phoneticPr fontId="1"/>
  </si>
  <si>
    <t>角</t>
    <rPh sb="0" eb="1">
      <t>スミ</t>
    </rPh>
    <phoneticPr fontId="1"/>
  </si>
  <si>
    <t>0854－22－3080</t>
    <phoneticPr fontId="1"/>
  </si>
  <si>
    <t>油揚げの製造（指定大豆での製造可）</t>
    <rPh sb="0" eb="2">
      <t>アブラア</t>
    </rPh>
    <rPh sb="4" eb="6">
      <t>セイゾウ</t>
    </rPh>
    <rPh sb="7" eb="9">
      <t>シテイ</t>
    </rPh>
    <rPh sb="9" eb="11">
      <t>ダイズ</t>
    </rPh>
    <rPh sb="13" eb="15">
      <t>セイゾウ</t>
    </rPh>
    <rPh sb="15" eb="16">
      <t>カ</t>
    </rPh>
    <phoneticPr fontId="1"/>
  </si>
  <si>
    <t>㈲角久</t>
    <rPh sb="1" eb="2">
      <t>スミ</t>
    </rPh>
    <rPh sb="2" eb="3">
      <t>ヒサ</t>
    </rPh>
    <phoneticPr fontId="1"/>
  </si>
  <si>
    <t>勝部　邦彦</t>
    <rPh sb="0" eb="5">
      <t>カツベ</t>
    </rPh>
    <phoneticPr fontId="1"/>
  </si>
  <si>
    <t>0854-82-0863</t>
    <phoneticPr fontId="1"/>
  </si>
  <si>
    <t>0854-82-6686</t>
    <phoneticPr fontId="1"/>
  </si>
  <si>
    <t>さんべ食品工業㈱</t>
    <phoneticPr fontId="1"/>
  </si>
  <si>
    <t>ジャム・清涼飲料水の製造</t>
    <rPh sb="4" eb="6">
      <t>セイリョウ</t>
    </rPh>
    <rPh sb="6" eb="9">
      <t>インリョウスイ</t>
    </rPh>
    <rPh sb="10" eb="12">
      <t>セイゾウ</t>
    </rPh>
    <phoneticPr fontId="1"/>
  </si>
  <si>
    <t>10～20日</t>
    <rPh sb="5" eb="6">
      <t>ニチ</t>
    </rPh>
    <phoneticPr fontId="1"/>
  </si>
  <si>
    <t>㈱桃翠園</t>
    <rPh sb="1" eb="4">
      <t>トウスイエン</t>
    </rPh>
    <phoneticPr fontId="9"/>
  </si>
  <si>
    <t>1ｋｇ</t>
    <phoneticPr fontId="9"/>
  </si>
  <si>
    <t>岡</t>
    <rPh sb="0" eb="1">
      <t>オカ</t>
    </rPh>
    <phoneticPr fontId="1"/>
  </si>
  <si>
    <t>岡</t>
    <rPh sb="0" eb="1">
      <t>オカ</t>
    </rPh>
    <phoneticPr fontId="9"/>
  </si>
  <si>
    <t>0853-72-0039</t>
    <phoneticPr fontId="9"/>
  </si>
  <si>
    <t>0853-72-0040</t>
    <phoneticPr fontId="9"/>
  </si>
  <si>
    <t>daiki.oka@tousuien.jp</t>
    <phoneticPr fontId="9"/>
  </si>
  <si>
    <t>0854-23-2441</t>
    <phoneticPr fontId="1"/>
  </si>
  <si>
    <t>茶の乾燥・粉末加工・焙煎</t>
    <rPh sb="0" eb="1">
      <t>チャ</t>
    </rPh>
    <rPh sb="2" eb="4">
      <t>カンソウ</t>
    </rPh>
    <rPh sb="5" eb="7">
      <t>フンマツ</t>
    </rPh>
    <rPh sb="7" eb="9">
      <t>カコウ</t>
    </rPh>
    <rPh sb="10" eb="12">
      <t>バイセン</t>
    </rPh>
    <phoneticPr fontId="9"/>
  </si>
  <si>
    <t>牛乳・乳製品の製造（牛乳・ヨーグルト・アイスクリーム・ミルクジャム等）</t>
    <rPh sb="0" eb="2">
      <t>ギュウニュウ</t>
    </rPh>
    <rPh sb="3" eb="6">
      <t>ニュウセイヒン</t>
    </rPh>
    <rPh sb="7" eb="9">
      <t>セイゾウ</t>
    </rPh>
    <rPh sb="10" eb="12">
      <t>ギュウニュウ</t>
    </rPh>
    <rPh sb="33" eb="34">
      <t>トウ</t>
    </rPh>
    <phoneticPr fontId="1"/>
  </si>
  <si>
    <t>0854-42-0445</t>
    <phoneticPr fontId="1"/>
  </si>
  <si>
    <t>0854-42-0400</t>
    <phoneticPr fontId="1"/>
  </si>
  <si>
    <t>info@kisuki-milk.co.jp</t>
    <phoneticPr fontId="1"/>
  </si>
  <si>
    <t>※担当は商品ごとに設定しているわけではなく、取引先ごとに設定しておりますので未記入にしております。</t>
    <phoneticPr fontId="1"/>
  </si>
  <si>
    <t>木次乳業㈲</t>
    <rPh sb="0" eb="2">
      <t>キスキ</t>
    </rPh>
    <rPh sb="2" eb="4">
      <t>ニュウギョウ</t>
    </rPh>
    <phoneticPr fontId="1"/>
  </si>
  <si>
    <t>黒豆甘納豆の製造</t>
    <rPh sb="0" eb="2">
      <t>クロマメ</t>
    </rPh>
    <rPh sb="2" eb="5">
      <t>アマナットウ</t>
    </rPh>
    <rPh sb="6" eb="8">
      <t>セイゾウ</t>
    </rPh>
    <phoneticPr fontId="1"/>
  </si>
  <si>
    <t>原料３０ｋｇから</t>
    <rPh sb="0" eb="2">
      <t>ゲンリョウ</t>
    </rPh>
    <phoneticPr fontId="1"/>
  </si>
  <si>
    <t>２週間</t>
    <rPh sb="1" eb="3">
      <t>シュウカン</t>
    </rPh>
    <phoneticPr fontId="1"/>
  </si>
  <si>
    <t>0853-62-2048　</t>
    <phoneticPr fontId="1"/>
  </si>
  <si>
    <t>0853-25-7007</t>
    <phoneticPr fontId="1"/>
  </si>
  <si>
    <t>gorira@room.ocn.ne.jp</t>
    <phoneticPr fontId="1"/>
  </si>
  <si>
    <t>㈲岡伊三郎商店</t>
    <rPh sb="1" eb="7">
      <t>オカイサブロウショウテン</t>
    </rPh>
    <phoneticPr fontId="1"/>
  </si>
  <si>
    <t>0854-83-7330</t>
    <phoneticPr fontId="1"/>
  </si>
  <si>
    <t>0854-83-7331</t>
    <phoneticPr fontId="1"/>
  </si>
  <si>
    <t>y-fukuma@fregrance-rose.com</t>
    <phoneticPr fontId="1"/>
  </si>
  <si>
    <t>食用薔薇商品の製造・加工（飲料、ジャム、ハーブティなど）</t>
    <rPh sb="0" eb="4">
      <t>ショクヨウバラ</t>
    </rPh>
    <rPh sb="4" eb="6">
      <t>ショウヒン</t>
    </rPh>
    <rPh sb="7" eb="9">
      <t>セイゾウ</t>
    </rPh>
    <rPh sb="10" eb="12">
      <t>カコウ</t>
    </rPh>
    <rPh sb="13" eb="15">
      <t>インリョウ</t>
    </rPh>
    <phoneticPr fontId="1"/>
  </si>
  <si>
    <t>福間　裕紀</t>
    <rPh sb="0" eb="2">
      <t>フクマ</t>
    </rPh>
    <rPh sb="3" eb="5">
      <t>ユウキ</t>
    </rPh>
    <phoneticPr fontId="1"/>
  </si>
  <si>
    <t>㈲奥出雲薔薇園</t>
    <rPh sb="1" eb="7">
      <t>オクイズモバラエン</t>
    </rPh>
    <phoneticPr fontId="1"/>
  </si>
  <si>
    <t>貝類のレトルト殺菌</t>
    <rPh sb="0" eb="2">
      <t>カイルイ</t>
    </rPh>
    <rPh sb="7" eb="9">
      <t>サッキン</t>
    </rPh>
    <phoneticPr fontId="1"/>
  </si>
  <si>
    <t>惣菜類の製造</t>
    <rPh sb="0" eb="2">
      <t>ソウザイ</t>
    </rPh>
    <rPh sb="2" eb="3">
      <t>ルイ</t>
    </rPh>
    <rPh sb="4" eb="6">
      <t>セイゾウ</t>
    </rPh>
    <phoneticPr fontId="1"/>
  </si>
  <si>
    <t>佃煮類の製造</t>
    <rPh sb="0" eb="2">
      <t>ツクダニ</t>
    </rPh>
    <rPh sb="2" eb="3">
      <t>ルイ</t>
    </rPh>
    <rPh sb="4" eb="6">
      <t>セイゾウ</t>
    </rPh>
    <phoneticPr fontId="1"/>
  </si>
  <si>
    <t>サトー食品㈲</t>
    <rPh sb="3" eb="5">
      <t>ショクヒン</t>
    </rPh>
    <phoneticPr fontId="1"/>
  </si>
  <si>
    <t>佐藤　博之</t>
    <rPh sb="0" eb="2">
      <t>サトウ</t>
    </rPh>
    <rPh sb="3" eb="5">
      <t>ヒロユキ</t>
    </rPh>
    <phoneticPr fontId="1"/>
  </si>
  <si>
    <t>0853-53-1509</t>
    <phoneticPr fontId="1"/>
  </si>
  <si>
    <t>0853-53-1459</t>
    <phoneticPr fontId="1"/>
  </si>
  <si>
    <t>㈱さんれいフーズ</t>
    <phoneticPr fontId="1"/>
  </si>
  <si>
    <t>池渕　誠</t>
    <rPh sb="0" eb="2">
      <t>イケブチ</t>
    </rPh>
    <rPh sb="3" eb="4">
      <t>マコト</t>
    </rPh>
    <phoneticPr fontId="1"/>
  </si>
  <si>
    <t>0854-22-6938</t>
    <phoneticPr fontId="1"/>
  </si>
  <si>
    <t>054-23-0053</t>
    <phoneticPr fontId="1"/>
  </si>
  <si>
    <t>m-ikebuchi@sanrei-foods.co.jp</t>
    <phoneticPr fontId="1"/>
  </si>
  <si>
    <t>クリームコロッケ・メンチカツの製造、ソースの煮込み技術</t>
    <rPh sb="15" eb="17">
      <t>セイゾウ</t>
    </rPh>
    <rPh sb="22" eb="24">
      <t>ニコ</t>
    </rPh>
    <rPh sb="25" eb="27">
      <t>ギジュツ</t>
    </rPh>
    <phoneticPr fontId="1"/>
  </si>
  <si>
    <t>㈲宍道湖</t>
    <rPh sb="1" eb="4">
      <t>シンジコ</t>
    </rPh>
    <phoneticPr fontId="1"/>
  </si>
  <si>
    <t>ヤマトシジミのレトルト製品の製造</t>
    <rPh sb="11" eb="13">
      <t>セイヒン</t>
    </rPh>
    <rPh sb="14" eb="16">
      <t>セイゾウ</t>
    </rPh>
    <phoneticPr fontId="1"/>
  </si>
  <si>
    <t>３日程度</t>
    <rPh sb="1" eb="2">
      <t>ニチ</t>
    </rPh>
    <rPh sb="2" eb="4">
      <t>テイド</t>
    </rPh>
    <phoneticPr fontId="1"/>
  </si>
  <si>
    <t>原</t>
    <rPh sb="0" eb="1">
      <t>ハラ</t>
    </rPh>
    <phoneticPr fontId="1"/>
  </si>
  <si>
    <t>0853-72-0313</t>
    <phoneticPr fontId="1"/>
  </si>
  <si>
    <t>0853-31-7027</t>
    <phoneticPr fontId="1"/>
  </si>
  <si>
    <t>sijimi@sijimi.com</t>
    <phoneticPr fontId="1"/>
  </si>
  <si>
    <t>西製茶所</t>
    <rPh sb="0" eb="4">
      <t>ニシ</t>
    </rPh>
    <phoneticPr fontId="1"/>
  </si>
  <si>
    <t>出雲地方産の茶葉を使用した日本茶、国産紅茶のOEM製造</t>
    <rPh sb="0" eb="2">
      <t>イズモ</t>
    </rPh>
    <rPh sb="2" eb="4">
      <t>チホウ</t>
    </rPh>
    <rPh sb="4" eb="5">
      <t>サン</t>
    </rPh>
    <rPh sb="6" eb="8">
      <t>チャバ</t>
    </rPh>
    <rPh sb="9" eb="11">
      <t>シヨウ</t>
    </rPh>
    <rPh sb="13" eb="15">
      <t>ニホン</t>
    </rPh>
    <rPh sb="15" eb="16">
      <t>チャ</t>
    </rPh>
    <rPh sb="17" eb="19">
      <t>コクサン</t>
    </rPh>
    <rPh sb="19" eb="21">
      <t>コウチャ</t>
    </rPh>
    <rPh sb="25" eb="27">
      <t>セイゾウ</t>
    </rPh>
    <phoneticPr fontId="1"/>
  </si>
  <si>
    <t>西　龍介</t>
    <rPh sb="0" eb="1">
      <t>ニシ</t>
    </rPh>
    <rPh sb="2" eb="4">
      <t>リュウスケ</t>
    </rPh>
    <phoneticPr fontId="1"/>
  </si>
  <si>
    <t>0853-72-6433</t>
    <phoneticPr fontId="1"/>
  </si>
  <si>
    <t>0853-31-4024</t>
    <phoneticPr fontId="1"/>
  </si>
  <si>
    <t>cha-cha1@proof.ocn.ne.jp</t>
    <phoneticPr fontId="1"/>
  </si>
  <si>
    <t>島根ビール</t>
    <rPh sb="0" eb="5">
      <t>シマネ</t>
    </rPh>
    <phoneticPr fontId="1"/>
  </si>
  <si>
    <t>オリジナルビール（地元フルーツ、スパイス、農作物など使用）15L樽、300ml瓶、350ml缶</t>
    <rPh sb="9" eb="11">
      <t>ジモト</t>
    </rPh>
    <rPh sb="21" eb="24">
      <t>ノウサクモツ</t>
    </rPh>
    <rPh sb="26" eb="28">
      <t>シヨウ</t>
    </rPh>
    <rPh sb="32" eb="33">
      <t>タル</t>
    </rPh>
    <phoneticPr fontId="1"/>
  </si>
  <si>
    <t>約1200L</t>
    <rPh sb="0" eb="1">
      <t>ヤク</t>
    </rPh>
    <phoneticPr fontId="1"/>
  </si>
  <si>
    <t>6ヶ月以上前に要打合せ</t>
    <rPh sb="2" eb="6">
      <t>ゲツイジョウマエ</t>
    </rPh>
    <rPh sb="7" eb="8">
      <t>ヨウ</t>
    </rPh>
    <rPh sb="8" eb="10">
      <t>ウチアワ</t>
    </rPh>
    <phoneticPr fontId="1"/>
  </si>
  <si>
    <t>矢野　学</t>
    <rPh sb="0" eb="2">
      <t>ヤノ</t>
    </rPh>
    <rPh sb="3" eb="4">
      <t>マナブ</t>
    </rPh>
    <phoneticPr fontId="1"/>
  </si>
  <si>
    <t>0852-55-8355</t>
    <phoneticPr fontId="1"/>
  </si>
  <si>
    <t>0852-27-7750</t>
    <phoneticPr fontId="1"/>
  </si>
  <si>
    <t>beer@shimane-beer.co.jp</t>
    <phoneticPr fontId="1"/>
  </si>
  <si>
    <t>オリジナルビール（ビールの味もオリジナル）15L樽、300ml瓶、350ml缶</t>
    <rPh sb="13" eb="14">
      <t>アジ</t>
    </rPh>
    <rPh sb="24" eb="25">
      <t>タル</t>
    </rPh>
    <phoneticPr fontId="1"/>
  </si>
  <si>
    <t>オリジナルビール（ラベルのみオリジナル）300ml瓶もしくは350ml缶</t>
    <phoneticPr fontId="1"/>
  </si>
  <si>
    <t>1ヶ月以上前に要打合せ</t>
    <rPh sb="2" eb="3">
      <t>ゲツ</t>
    </rPh>
    <rPh sb="3" eb="6">
      <t>イジョウマエ</t>
    </rPh>
    <rPh sb="7" eb="8">
      <t>ヨウ</t>
    </rPh>
    <rPh sb="8" eb="10">
      <t>ウチアワ</t>
    </rPh>
    <phoneticPr fontId="1"/>
  </si>
  <si>
    <t>㈱JAアグリ島根</t>
    <rPh sb="6" eb="8">
      <t>シマネ</t>
    </rPh>
    <phoneticPr fontId="1"/>
  </si>
  <si>
    <t>青果物のパック詰め</t>
    <rPh sb="0" eb="3">
      <t>セイカブツ</t>
    </rPh>
    <rPh sb="7" eb="8">
      <t>ツ</t>
    </rPh>
    <phoneticPr fontId="1"/>
  </si>
  <si>
    <t>野津、新宮</t>
    <rPh sb="0" eb="2">
      <t>ノツ</t>
    </rPh>
    <rPh sb="3" eb="5">
      <t>シングウ</t>
    </rPh>
    <phoneticPr fontId="1"/>
  </si>
  <si>
    <t>0853-73-9577</t>
    <phoneticPr fontId="1"/>
  </si>
  <si>
    <t>0853-73-9578</t>
    <phoneticPr fontId="1"/>
  </si>
  <si>
    <t>notsu_tak@agri-shimane.biz</t>
    <phoneticPr fontId="1"/>
  </si>
  <si>
    <t>精肉パック加工</t>
    <rPh sb="0" eb="2">
      <t>セイニク</t>
    </rPh>
    <rPh sb="5" eb="7">
      <t>カコウ</t>
    </rPh>
    <phoneticPr fontId="1"/>
  </si>
  <si>
    <t>渡部</t>
    <rPh sb="0" eb="2">
      <t>ワタナベ</t>
    </rPh>
    <phoneticPr fontId="1"/>
  </si>
  <si>
    <t>watanabe_kou@agri-shimane.biz</t>
    <phoneticPr fontId="1"/>
  </si>
  <si>
    <t>受託搗精</t>
    <rPh sb="0" eb="2">
      <t>ジュタク</t>
    </rPh>
    <rPh sb="2" eb="4">
      <t>トウセイ</t>
    </rPh>
    <phoneticPr fontId="1"/>
  </si>
  <si>
    <t>玉木</t>
    <rPh sb="0" eb="2">
      <t>タマキ</t>
    </rPh>
    <phoneticPr fontId="1"/>
  </si>
  <si>
    <t>0853-72-4183</t>
    <phoneticPr fontId="1"/>
  </si>
  <si>
    <t>0853-72-4108</t>
    <phoneticPr fontId="1"/>
  </si>
  <si>
    <t>tamaki_hir@agri-shimane.biz</t>
    <phoneticPr fontId="1"/>
  </si>
  <si>
    <t>(株)エリーゼ</t>
    <rPh sb="0" eb="3">
      <t>カブ</t>
    </rPh>
    <phoneticPr fontId="1"/>
  </si>
  <si>
    <t>超高水圧加工技術を活用した玄米の加工</t>
    <rPh sb="0" eb="1">
      <t>チョウ</t>
    </rPh>
    <rPh sb="1" eb="4">
      <t>コウスイアツ</t>
    </rPh>
    <rPh sb="4" eb="6">
      <t>カコウ</t>
    </rPh>
    <rPh sb="6" eb="8">
      <t>ギジュツ</t>
    </rPh>
    <rPh sb="9" eb="11">
      <t>カツヨウ</t>
    </rPh>
    <rPh sb="13" eb="15">
      <t>ゲンマイ</t>
    </rPh>
    <rPh sb="16" eb="18">
      <t>カコウ</t>
    </rPh>
    <phoneticPr fontId="1"/>
  </si>
  <si>
    <t>安部</t>
    <rPh sb="0" eb="2">
      <t>アベ</t>
    </rPh>
    <phoneticPr fontId="1"/>
  </si>
  <si>
    <t>0854-76-9341</t>
    <phoneticPr fontId="1"/>
  </si>
  <si>
    <t>0854-76-9345</t>
    <phoneticPr fontId="1"/>
  </si>
  <si>
    <t>abe@elize-corp.jp</t>
    <phoneticPr fontId="1"/>
  </si>
  <si>
    <t>超高水圧加工技術を活用した玄米粉の加工</t>
    <rPh sb="0" eb="1">
      <t>チョウ</t>
    </rPh>
    <rPh sb="1" eb="4">
      <t>コウスイアツ</t>
    </rPh>
    <rPh sb="4" eb="6">
      <t>カコウ</t>
    </rPh>
    <rPh sb="6" eb="8">
      <t>ギジュツ</t>
    </rPh>
    <rPh sb="9" eb="11">
      <t>カツヨウ</t>
    </rPh>
    <rPh sb="13" eb="15">
      <t>ゲンマイ</t>
    </rPh>
    <rPh sb="15" eb="16">
      <t>コ</t>
    </rPh>
    <rPh sb="17" eb="19">
      <t>カコウ</t>
    </rPh>
    <phoneticPr fontId="1"/>
  </si>
  <si>
    <t>(株)サンエイト農業事業部</t>
    <rPh sb="0" eb="3">
      <t>カブ</t>
    </rPh>
    <rPh sb="8" eb="10">
      <t>ノウギョウ</t>
    </rPh>
    <rPh sb="10" eb="12">
      <t>ジギョウ</t>
    </rPh>
    <rPh sb="12" eb="13">
      <t>ブ</t>
    </rPh>
    <phoneticPr fontId="1"/>
  </si>
  <si>
    <t>搾油（えごま）</t>
    <rPh sb="0" eb="2">
      <t>サクユ</t>
    </rPh>
    <phoneticPr fontId="1"/>
  </si>
  <si>
    <t>1週間程度</t>
    <rPh sb="1" eb="3">
      <t>シュウカン</t>
    </rPh>
    <rPh sb="3" eb="5">
      <t>テイド</t>
    </rPh>
    <phoneticPr fontId="1"/>
  </si>
  <si>
    <t>藤原 昌樹</t>
    <rPh sb="0" eb="2">
      <t>フジハラ</t>
    </rPh>
    <rPh sb="3" eb="5">
      <t>マサキ</t>
    </rPh>
    <phoneticPr fontId="1"/>
  </si>
  <si>
    <t>0854-52-1075</t>
    <phoneticPr fontId="1"/>
  </si>
  <si>
    <t>0854-52-0373</t>
    <phoneticPr fontId="1"/>
  </si>
  <si>
    <t>㈱エフイーエーシー</t>
    <phoneticPr fontId="1"/>
  </si>
  <si>
    <t>食品分析（細菌・栄養成分・残留農薬・放射能・異物検査等）</t>
    <rPh sb="0" eb="2">
      <t>ショクヒン</t>
    </rPh>
    <rPh sb="2" eb="4">
      <t>ブンセキ</t>
    </rPh>
    <rPh sb="5" eb="7">
      <t>サイキン</t>
    </rPh>
    <rPh sb="8" eb="10">
      <t>エイヨウ</t>
    </rPh>
    <rPh sb="10" eb="12">
      <t>セイブン</t>
    </rPh>
    <rPh sb="13" eb="15">
      <t>ザンリュウ</t>
    </rPh>
    <rPh sb="15" eb="17">
      <t>ノウヤク</t>
    </rPh>
    <rPh sb="18" eb="21">
      <t>ホウシャノウ</t>
    </rPh>
    <rPh sb="22" eb="24">
      <t>イブツ</t>
    </rPh>
    <rPh sb="24" eb="26">
      <t>ケンサ</t>
    </rPh>
    <rPh sb="26" eb="27">
      <t>トウ</t>
    </rPh>
    <phoneticPr fontId="1"/>
  </si>
  <si>
    <t>検査内容により異なります</t>
    <rPh sb="0" eb="2">
      <t>ケンサ</t>
    </rPh>
    <rPh sb="2" eb="4">
      <t>ナイヨウ</t>
    </rPh>
    <rPh sb="7" eb="8">
      <t>コト</t>
    </rPh>
    <phoneticPr fontId="1"/>
  </si>
  <si>
    <t>江田・中村</t>
    <rPh sb="0" eb="2">
      <t>エタ</t>
    </rPh>
    <rPh sb="3" eb="5">
      <t>ナカムラ</t>
    </rPh>
    <phoneticPr fontId="1"/>
  </si>
  <si>
    <t>0853-43-3638</t>
    <phoneticPr fontId="1"/>
  </si>
  <si>
    <t>0853-43-1677</t>
    <phoneticPr fontId="1"/>
  </si>
  <si>
    <t>kensa@feac-c.com</t>
    <phoneticPr fontId="1"/>
  </si>
  <si>
    <t>食品共同開発技術委託</t>
    <rPh sb="0" eb="2">
      <t>ショクヒン</t>
    </rPh>
    <rPh sb="2" eb="4">
      <t>キョウドウ</t>
    </rPh>
    <rPh sb="4" eb="6">
      <t>カイハツ</t>
    </rPh>
    <rPh sb="6" eb="8">
      <t>ギジュツ</t>
    </rPh>
    <rPh sb="8" eb="10">
      <t>イタク</t>
    </rPh>
    <phoneticPr fontId="1"/>
  </si>
  <si>
    <t>宮西</t>
    <rPh sb="0" eb="2">
      <t>ミヤニシ</t>
    </rPh>
    <phoneticPr fontId="1"/>
  </si>
  <si>
    <t>委託内容により異なります</t>
    <rPh sb="0" eb="2">
      <t>イタク</t>
    </rPh>
    <rPh sb="2" eb="4">
      <t>ナイヨウ</t>
    </rPh>
    <rPh sb="7" eb="8">
      <t>コト</t>
    </rPh>
    <phoneticPr fontId="1"/>
  </si>
  <si>
    <t>㈱貝援隊</t>
    <rPh sb="1" eb="2">
      <t>カイ</t>
    </rPh>
    <rPh sb="2" eb="3">
      <t>エン</t>
    </rPh>
    <rPh sb="3" eb="4">
      <t>タイ</t>
    </rPh>
    <phoneticPr fontId="1"/>
  </si>
  <si>
    <t>しじみ砂抜き等の二枚貝の蓄養</t>
    <rPh sb="3" eb="4">
      <t>スナ</t>
    </rPh>
    <rPh sb="4" eb="5">
      <t>ヌ</t>
    </rPh>
    <rPh sb="6" eb="7">
      <t>トウ</t>
    </rPh>
    <rPh sb="8" eb="11">
      <t>ニマイガイ</t>
    </rPh>
    <rPh sb="12" eb="14">
      <t>チクヨウ</t>
    </rPh>
    <phoneticPr fontId="1"/>
  </si>
  <si>
    <t>夏季を除く</t>
    <rPh sb="0" eb="2">
      <t>カキ</t>
    </rPh>
    <rPh sb="3" eb="4">
      <t>ノゾ</t>
    </rPh>
    <phoneticPr fontId="1"/>
  </si>
  <si>
    <t>持田・山口</t>
    <rPh sb="0" eb="2">
      <t>モチダ</t>
    </rPh>
    <rPh sb="3" eb="5">
      <t>ヤマグチ</t>
    </rPh>
    <phoneticPr fontId="1"/>
  </si>
  <si>
    <t>0853-43-2438</t>
    <phoneticPr fontId="1"/>
  </si>
  <si>
    <t>kaientai@feac-c.com</t>
    <phoneticPr fontId="1"/>
  </si>
  <si>
    <t>〒</t>
    <phoneticPr fontId="1"/>
  </si>
  <si>
    <t>住所</t>
    <rPh sb="0" eb="2">
      <t>ジュウショ</t>
    </rPh>
    <phoneticPr fontId="1"/>
  </si>
  <si>
    <t>仁多郡奥出雲町三成444番地18</t>
    <phoneticPr fontId="1"/>
  </si>
  <si>
    <t>699-0641</t>
    <phoneticPr fontId="1"/>
  </si>
  <si>
    <t>出雲市斐川町美南1666番地</t>
    <phoneticPr fontId="1"/>
  </si>
  <si>
    <t>飯石郡飯南町上赤名1664番地</t>
    <phoneticPr fontId="1"/>
  </si>
  <si>
    <t>690-0876</t>
    <phoneticPr fontId="1"/>
  </si>
  <si>
    <t>松江市黒田町509-1</t>
    <phoneticPr fontId="1"/>
  </si>
  <si>
    <t>699-0612</t>
    <phoneticPr fontId="1"/>
  </si>
  <si>
    <t>690-3512</t>
    <phoneticPr fontId="1"/>
  </si>
  <si>
    <t>699-1511</t>
    <phoneticPr fontId="1"/>
  </si>
  <si>
    <t>699-0641</t>
    <phoneticPr fontId="1"/>
  </si>
  <si>
    <t>690-0876</t>
    <phoneticPr fontId="1"/>
  </si>
  <si>
    <t>出雲市斐川町出西2720-1</t>
    <phoneticPr fontId="1"/>
  </si>
  <si>
    <t>安来市亀島町12番地3</t>
    <phoneticPr fontId="1"/>
  </si>
  <si>
    <t>692-0071</t>
    <phoneticPr fontId="1"/>
  </si>
  <si>
    <t>大田市長久町長久ロ411番地14</t>
    <phoneticPr fontId="1"/>
  </si>
  <si>
    <t>694-0041</t>
    <phoneticPr fontId="1"/>
  </si>
  <si>
    <t>雲南市木次町東日登228-2</t>
    <phoneticPr fontId="1"/>
  </si>
  <si>
    <t>699-1323</t>
    <phoneticPr fontId="1"/>
  </si>
  <si>
    <t>出雲市斐川町上直江1482</t>
    <phoneticPr fontId="1"/>
  </si>
  <si>
    <t>699-0624</t>
    <phoneticPr fontId="1"/>
  </si>
  <si>
    <t>大田市大田町大田イ403番地5</t>
    <phoneticPr fontId="1"/>
  </si>
  <si>
    <t>694-0064</t>
    <phoneticPr fontId="1"/>
  </si>
  <si>
    <t>692-0011</t>
    <phoneticPr fontId="1"/>
  </si>
  <si>
    <t>松江市東朝日町267-4</t>
    <phoneticPr fontId="1"/>
  </si>
  <si>
    <t>690-0003</t>
    <phoneticPr fontId="1"/>
  </si>
  <si>
    <t>益田市染羽町5-7</t>
    <phoneticPr fontId="1"/>
  </si>
  <si>
    <t>698-0011</t>
    <phoneticPr fontId="1"/>
  </si>
  <si>
    <t>大田市鳥井町鳥井2094-3</t>
    <rPh sb="0" eb="3">
      <t>オオダシ</t>
    </rPh>
    <rPh sb="3" eb="5">
      <t>トリイ</t>
    </rPh>
    <rPh sb="5" eb="6">
      <t>マチ</t>
    </rPh>
    <rPh sb="6" eb="8">
      <t>トリイ</t>
    </rPh>
    <phoneticPr fontId="1"/>
  </si>
  <si>
    <t>694-0054</t>
  </si>
  <si>
    <t>697-0006</t>
  </si>
  <si>
    <t>浜田市下府町388-60</t>
  </si>
  <si>
    <t>699-4504</t>
  </si>
  <si>
    <t>江津市桜江町大貫57-1</t>
  </si>
  <si>
    <t>出雲市斐川町学頭3646-1</t>
    <rPh sb="0" eb="3">
      <t>イズモシ</t>
    </rPh>
    <rPh sb="3" eb="6">
      <t>ヒカワチョウ</t>
    </rPh>
    <rPh sb="6" eb="7">
      <t>ガク</t>
    </rPh>
    <rPh sb="7" eb="8">
      <t>アタマ</t>
    </rPh>
    <phoneticPr fontId="1"/>
  </si>
  <si>
    <t>691-0001</t>
  </si>
  <si>
    <t>出雲市平田町1080</t>
  </si>
  <si>
    <t>699-0702</t>
  </si>
  <si>
    <t>出雲市大社町杵築北3004</t>
  </si>
  <si>
    <t>690-2802</t>
  </si>
  <si>
    <t>出雲市平田町2260-24</t>
    <rPh sb="0" eb="3">
      <t>イズモシ</t>
    </rPh>
    <rPh sb="3" eb="6">
      <t>ヒラタチョウ</t>
    </rPh>
    <phoneticPr fontId="1"/>
  </si>
  <si>
    <t>699-4111</t>
  </si>
  <si>
    <t>江津市桜江町谷住郷1802-1</t>
    <rPh sb="0" eb="3">
      <t>ゴウツシ</t>
    </rPh>
    <rPh sb="3" eb="5">
      <t>サクラエ</t>
    </rPh>
    <rPh sb="5" eb="6">
      <t>マチ</t>
    </rPh>
    <rPh sb="6" eb="7">
      <t>タニ</t>
    </rPh>
    <rPh sb="7" eb="8">
      <t>ス</t>
    </rPh>
    <rPh sb="8" eb="9">
      <t>サト</t>
    </rPh>
    <phoneticPr fontId="1"/>
  </si>
  <si>
    <t>699-0722</t>
  </si>
  <si>
    <t>出雲市大社町北荒木132-1</t>
  </si>
  <si>
    <t>690-0038</t>
  </si>
  <si>
    <t>松江市平成町182番地15クレアヒル松江</t>
  </si>
  <si>
    <t>699-0502</t>
  </si>
  <si>
    <t>出雲市斐川町荘原2750-6</t>
    <rPh sb="6" eb="7">
      <t>ショウ</t>
    </rPh>
    <rPh sb="7" eb="8">
      <t>ハラ</t>
    </rPh>
    <phoneticPr fontId="3"/>
  </si>
  <si>
    <t>雲南市吉田町民谷544</t>
    <rPh sb="0" eb="2">
      <t>ウンナン</t>
    </rPh>
    <rPh sb="2" eb="3">
      <t>シ</t>
    </rPh>
    <rPh sb="3" eb="5">
      <t>ヨシダ</t>
    </rPh>
    <rPh sb="5" eb="6">
      <t>チョウ</t>
    </rPh>
    <rPh sb="6" eb="7">
      <t>ミン</t>
    </rPh>
    <rPh sb="7" eb="8">
      <t>タニ</t>
    </rPh>
    <phoneticPr fontId="3"/>
  </si>
  <si>
    <t>安来市安来町1296-3</t>
    <phoneticPr fontId="1"/>
  </si>
  <si>
    <t>699-0817</t>
    <phoneticPr fontId="1"/>
  </si>
  <si>
    <t>出雲市湖陵町板津1番地</t>
    <rPh sb="0" eb="3">
      <t>イズモシ</t>
    </rPh>
    <rPh sb="3" eb="6">
      <t>コリョウチョウ</t>
    </rPh>
    <rPh sb="6" eb="7">
      <t>イタ</t>
    </rPh>
    <rPh sb="7" eb="8">
      <t>ツ</t>
    </rPh>
    <rPh sb="9" eb="11">
      <t>バンチ</t>
    </rPh>
    <phoneticPr fontId="1"/>
  </si>
  <si>
    <t>699-0501</t>
    <phoneticPr fontId="1"/>
  </si>
  <si>
    <t>㈱環境理化学研究所</t>
    <rPh sb="1" eb="6">
      <t>カンキョウリカガク</t>
    </rPh>
    <rPh sb="6" eb="9">
      <t>ケンキュウショ</t>
    </rPh>
    <phoneticPr fontId="1"/>
  </si>
  <si>
    <t>食品微生物検査</t>
    <rPh sb="0" eb="2">
      <t>ショクヒン</t>
    </rPh>
    <rPh sb="2" eb="5">
      <t>ビセイブツ</t>
    </rPh>
    <rPh sb="5" eb="7">
      <t>ケンサ</t>
    </rPh>
    <phoneticPr fontId="1"/>
  </si>
  <si>
    <t>１ロット～</t>
    <phoneticPr fontId="1"/>
  </si>
  <si>
    <t>１週間～</t>
    <rPh sb="1" eb="3">
      <t>シュウカン</t>
    </rPh>
    <phoneticPr fontId="1"/>
  </si>
  <si>
    <t>食品営業部 伊藤</t>
    <rPh sb="0" eb="2">
      <t>ショクヒン</t>
    </rPh>
    <rPh sb="2" eb="4">
      <t>エイギョウ</t>
    </rPh>
    <rPh sb="4" eb="5">
      <t>ブ</t>
    </rPh>
    <rPh sb="6" eb="8">
      <t>イトウ</t>
    </rPh>
    <phoneticPr fontId="1"/>
  </si>
  <si>
    <t>0853-25-8911</t>
    <phoneticPr fontId="1"/>
  </si>
  <si>
    <t>0853-25-8922</t>
    <phoneticPr fontId="1"/>
  </si>
  <si>
    <t>kankyo12@isis.ocn.ne.jp</t>
    <phoneticPr fontId="1"/>
  </si>
  <si>
    <t>食品保存検査（微生物検査、理化学検査）</t>
    <rPh sb="0" eb="2">
      <t>ショクヒン</t>
    </rPh>
    <rPh sb="2" eb="4">
      <t>ホゾン</t>
    </rPh>
    <rPh sb="4" eb="6">
      <t>ケンサ</t>
    </rPh>
    <rPh sb="7" eb="10">
      <t>ビセイブツ</t>
    </rPh>
    <rPh sb="10" eb="12">
      <t>ケンサ</t>
    </rPh>
    <rPh sb="13" eb="16">
      <t>リカガク</t>
    </rPh>
    <rPh sb="16" eb="18">
      <t>ケンサ</t>
    </rPh>
    <phoneticPr fontId="1"/>
  </si>
  <si>
    <t>食品成分分析</t>
    <rPh sb="0" eb="2">
      <t>ショクヒン</t>
    </rPh>
    <rPh sb="2" eb="4">
      <t>セイブン</t>
    </rPh>
    <rPh sb="4" eb="6">
      <t>ブンセキ</t>
    </rPh>
    <phoneticPr fontId="1"/>
  </si>
  <si>
    <t>食品理化学検査</t>
    <rPh sb="0" eb="2">
      <t>ショクヒン</t>
    </rPh>
    <rPh sb="2" eb="5">
      <t>リカガク</t>
    </rPh>
    <rPh sb="5" eb="7">
      <t>ケンサ</t>
    </rPh>
    <phoneticPr fontId="1"/>
  </si>
  <si>
    <t>食品異物検査</t>
    <rPh sb="0" eb="2">
      <t>ショクヒン</t>
    </rPh>
    <rPh sb="2" eb="4">
      <t>イブツ</t>
    </rPh>
    <rPh sb="4" eb="6">
      <t>ケンサ</t>
    </rPh>
    <phoneticPr fontId="1"/>
  </si>
  <si>
    <t>食品残留農薬検査</t>
    <rPh sb="0" eb="2">
      <t>ショクヒン</t>
    </rPh>
    <rPh sb="2" eb="4">
      <t>ザンリュウ</t>
    </rPh>
    <rPh sb="4" eb="6">
      <t>ノウヤク</t>
    </rPh>
    <rPh sb="6" eb="8">
      <t>ケンサ</t>
    </rPh>
    <phoneticPr fontId="1"/>
  </si>
  <si>
    <t>環境微生物検査（拭き取り検査、落下菌検査）</t>
    <rPh sb="0" eb="2">
      <t>カンキョウ</t>
    </rPh>
    <rPh sb="2" eb="5">
      <t>ビセイブツ</t>
    </rPh>
    <rPh sb="5" eb="7">
      <t>ケンサ</t>
    </rPh>
    <rPh sb="8" eb="9">
      <t>フ</t>
    </rPh>
    <rPh sb="10" eb="11">
      <t>ト</t>
    </rPh>
    <rPh sb="12" eb="14">
      <t>ケンサ</t>
    </rPh>
    <rPh sb="15" eb="17">
      <t>ラッカ</t>
    </rPh>
    <rPh sb="17" eb="20">
      <t>キンケンサ</t>
    </rPh>
    <phoneticPr fontId="1"/>
  </si>
  <si>
    <t>環境衛生調査（工場、厨房内の目視チェック及び拭き取り検査等）</t>
    <rPh sb="0" eb="2">
      <t>カンキョウ</t>
    </rPh>
    <rPh sb="2" eb="4">
      <t>エイセイ</t>
    </rPh>
    <rPh sb="4" eb="6">
      <t>チョウサ</t>
    </rPh>
    <rPh sb="7" eb="9">
      <t>コウジョウ</t>
    </rPh>
    <rPh sb="10" eb="12">
      <t>チュウボウ</t>
    </rPh>
    <rPh sb="12" eb="13">
      <t>ナイ</t>
    </rPh>
    <rPh sb="14" eb="16">
      <t>モクシ</t>
    </rPh>
    <rPh sb="20" eb="21">
      <t>オヨ</t>
    </rPh>
    <rPh sb="22" eb="23">
      <t>フ</t>
    </rPh>
    <rPh sb="24" eb="25">
      <t>ト</t>
    </rPh>
    <rPh sb="26" eb="28">
      <t>ケンサ</t>
    </rPh>
    <rPh sb="28" eb="29">
      <t>トウ</t>
    </rPh>
    <phoneticPr fontId="1"/>
  </si>
  <si>
    <t>水質検査（食品使用の水、排水等の検査）</t>
    <rPh sb="0" eb="2">
      <t>スイシツ</t>
    </rPh>
    <rPh sb="2" eb="4">
      <t>ケンサ</t>
    </rPh>
    <rPh sb="5" eb="7">
      <t>ショクヒン</t>
    </rPh>
    <rPh sb="7" eb="9">
      <t>シヨウ</t>
    </rPh>
    <rPh sb="10" eb="11">
      <t>ミズ</t>
    </rPh>
    <rPh sb="12" eb="14">
      <t>ハイスイ</t>
    </rPh>
    <rPh sb="14" eb="15">
      <t>トウ</t>
    </rPh>
    <rPh sb="16" eb="18">
      <t>ケンサ</t>
    </rPh>
    <phoneticPr fontId="1"/>
  </si>
  <si>
    <t>食品製造従事者等の検便（ノロウイルス検便含む）</t>
    <rPh sb="0" eb="2">
      <t>ショクヒン</t>
    </rPh>
    <rPh sb="2" eb="4">
      <t>セイゾウ</t>
    </rPh>
    <rPh sb="4" eb="7">
      <t>ジュウジシャ</t>
    </rPh>
    <rPh sb="7" eb="8">
      <t>トウ</t>
    </rPh>
    <rPh sb="9" eb="11">
      <t>ケンベン</t>
    </rPh>
    <rPh sb="18" eb="20">
      <t>ケンベン</t>
    </rPh>
    <rPh sb="20" eb="21">
      <t>フク</t>
    </rPh>
    <phoneticPr fontId="1"/>
  </si>
  <si>
    <t>１名～</t>
    <rPh sb="1" eb="2">
      <t>メイ</t>
    </rPh>
    <phoneticPr fontId="1"/>
  </si>
  <si>
    <t>１週間程度</t>
    <rPh sb="1" eb="3">
      <t>シュウカン</t>
    </rPh>
    <rPh sb="3" eb="5">
      <t>テイド</t>
    </rPh>
    <phoneticPr fontId="1"/>
  </si>
  <si>
    <t>691-0001</t>
    <phoneticPr fontId="1"/>
  </si>
  <si>
    <t>出雲市平田町2468番地1</t>
    <rPh sb="0" eb="3">
      <t>イズモシ</t>
    </rPh>
    <rPh sb="10" eb="12">
      <t>バンチ</t>
    </rPh>
    <phoneticPr fontId="1"/>
  </si>
  <si>
    <t>加納　一美</t>
    <rPh sb="0" eb="2">
      <t>カノウ</t>
    </rPh>
    <rPh sb="3" eb="5">
      <t>カズミ</t>
    </rPh>
    <phoneticPr fontId="1"/>
  </si>
  <si>
    <t>0852-24-0207</t>
    <phoneticPr fontId="1"/>
  </si>
  <si>
    <t>0852-55-4525</t>
    <phoneticPr fontId="1"/>
  </si>
  <si>
    <t>(公財)
島根県環境保健公社</t>
    <rPh sb="1" eb="2">
      <t>コウ</t>
    </rPh>
    <rPh sb="2" eb="3">
      <t>ザイ</t>
    </rPh>
    <rPh sb="5" eb="8">
      <t>シマネケン</t>
    </rPh>
    <rPh sb="8" eb="10">
      <t>カンキョウ</t>
    </rPh>
    <rPh sb="10" eb="12">
      <t>ホケン</t>
    </rPh>
    <rPh sb="12" eb="14">
      <t>コウシャ</t>
    </rPh>
    <phoneticPr fontId="1"/>
  </si>
  <si>
    <t>栄養成分検査、細菌検査、保存試験（消費・賞味期限）</t>
    <rPh sb="0" eb="2">
      <t>エイヨウ</t>
    </rPh>
    <rPh sb="2" eb="4">
      <t>セイブン</t>
    </rPh>
    <rPh sb="4" eb="6">
      <t>ケンサ</t>
    </rPh>
    <rPh sb="7" eb="9">
      <t>サイキン</t>
    </rPh>
    <rPh sb="9" eb="11">
      <t>ケンサ</t>
    </rPh>
    <rPh sb="12" eb="14">
      <t>ホゾン</t>
    </rPh>
    <rPh sb="14" eb="16">
      <t>シケン</t>
    </rPh>
    <rPh sb="17" eb="19">
      <t>ショウヒ</t>
    </rPh>
    <rPh sb="20" eb="22">
      <t>ショウミ</t>
    </rPh>
    <rPh sb="22" eb="24">
      <t>キゲン</t>
    </rPh>
    <phoneticPr fontId="1"/>
  </si>
  <si>
    <t>アレルゲン検査、拭き取り検査</t>
    <rPh sb="5" eb="7">
      <t>ケンサ</t>
    </rPh>
    <phoneticPr fontId="1"/>
  </si>
  <si>
    <t>残留農薬・食品添加物・有害金属検査</t>
    <rPh sb="0" eb="2">
      <t>ザンリュウ</t>
    </rPh>
    <rPh sb="2" eb="4">
      <t>ノウヤク</t>
    </rPh>
    <rPh sb="5" eb="7">
      <t>ショクヒン</t>
    </rPh>
    <rPh sb="7" eb="10">
      <t>テンカブツ</t>
    </rPh>
    <rPh sb="11" eb="13">
      <t>ユウガイ</t>
    </rPh>
    <rPh sb="13" eb="15">
      <t>キンゾク</t>
    </rPh>
    <rPh sb="15" eb="17">
      <t>ケンサ</t>
    </rPh>
    <phoneticPr fontId="1"/>
  </si>
  <si>
    <t>異物・クレーム品検査</t>
    <rPh sb="0" eb="2">
      <t>イブツ</t>
    </rPh>
    <rPh sb="7" eb="8">
      <t>ヒン</t>
    </rPh>
    <rPh sb="8" eb="10">
      <t>ケンサ</t>
    </rPh>
    <phoneticPr fontId="1"/>
  </si>
  <si>
    <t>食品製造用水検査</t>
    <rPh sb="0" eb="2">
      <t>ショクヒン</t>
    </rPh>
    <rPh sb="2" eb="5">
      <t>セイゾウヨウ</t>
    </rPh>
    <rPh sb="5" eb="6">
      <t>スイ</t>
    </rPh>
    <rPh sb="6" eb="8">
      <t>ケンサ</t>
    </rPh>
    <phoneticPr fontId="1"/>
  </si>
  <si>
    <t xml:space="preserve">kankyo-kanri@kanhokou.or.jp </t>
    <phoneticPr fontId="1"/>
  </si>
  <si>
    <t>690-0012</t>
    <phoneticPr fontId="1"/>
  </si>
  <si>
    <t>松江市古志原１丁目4-6号</t>
    <rPh sb="0" eb="3">
      <t>マツエシ</t>
    </rPh>
    <rPh sb="3" eb="6">
      <t>コシバラ</t>
    </rPh>
    <rPh sb="7" eb="9">
      <t>チョウメ</t>
    </rPh>
    <rPh sb="12" eb="13">
      <t>ゴウ</t>
    </rPh>
    <phoneticPr fontId="1"/>
  </si>
  <si>
    <t>環境事業推進課</t>
    <rPh sb="0" eb="2">
      <t>カンキョウ</t>
    </rPh>
    <rPh sb="2" eb="4">
      <t>ジギョウ</t>
    </rPh>
    <rPh sb="4" eb="6">
      <t>スイシン</t>
    </rPh>
    <rPh sb="6" eb="7">
      <t>カ</t>
    </rPh>
    <phoneticPr fontId="1"/>
  </si>
  <si>
    <t>㈱シーライフ</t>
    <phoneticPr fontId="1"/>
  </si>
  <si>
    <t>冷風乾燥、燻製、魚の一次処理</t>
    <rPh sb="0" eb="2">
      <t>レイフウ</t>
    </rPh>
    <rPh sb="2" eb="4">
      <t>カンソウ</t>
    </rPh>
    <rPh sb="5" eb="7">
      <t>クンセイ</t>
    </rPh>
    <rPh sb="8" eb="9">
      <t>サカナ</t>
    </rPh>
    <rPh sb="10" eb="12">
      <t>イチジ</t>
    </rPh>
    <rPh sb="12" eb="14">
      <t>ショリ</t>
    </rPh>
    <phoneticPr fontId="1"/>
  </si>
  <si>
    <t>５００ｋｇ／日</t>
    <rPh sb="6" eb="7">
      <t>ニチ</t>
    </rPh>
    <phoneticPr fontId="1"/>
  </si>
  <si>
    <t>７日</t>
    <rPh sb="1" eb="2">
      <t>ニチ</t>
    </rPh>
    <phoneticPr fontId="1"/>
  </si>
  <si>
    <t>河上　清志</t>
    <rPh sb="0" eb="2">
      <t>カワカミ</t>
    </rPh>
    <rPh sb="3" eb="4">
      <t>キヨシ</t>
    </rPh>
    <rPh sb="4" eb="5">
      <t>ココロザシ</t>
    </rPh>
    <phoneticPr fontId="1"/>
  </si>
  <si>
    <t>697-0017</t>
    <phoneticPr fontId="1"/>
  </si>
  <si>
    <t>0855-23-3105</t>
    <phoneticPr fontId="1"/>
  </si>
  <si>
    <t>0855-23-3117</t>
    <phoneticPr fontId="1"/>
  </si>
  <si>
    <t>㈲はまや食品</t>
    <rPh sb="4" eb="6">
      <t>ショクヒン</t>
    </rPh>
    <phoneticPr fontId="1"/>
  </si>
  <si>
    <t>和菓子全般（特にみたらし団子・お餅）</t>
    <rPh sb="0" eb="3">
      <t>ワガシ</t>
    </rPh>
    <rPh sb="3" eb="5">
      <t>ゼンパン</t>
    </rPh>
    <rPh sb="6" eb="7">
      <t>トク</t>
    </rPh>
    <rPh sb="12" eb="14">
      <t>ダンゴ</t>
    </rPh>
    <rPh sb="16" eb="17">
      <t>モチ</t>
    </rPh>
    <phoneticPr fontId="1"/>
  </si>
  <si>
    <t>濱角　隆二</t>
    <rPh sb="0" eb="1">
      <t>ハマ</t>
    </rPh>
    <rPh sb="1" eb="2">
      <t>カド</t>
    </rPh>
    <rPh sb="3" eb="4">
      <t>タカシ</t>
    </rPh>
    <rPh sb="4" eb="5">
      <t>ニ</t>
    </rPh>
    <phoneticPr fontId="1"/>
  </si>
  <si>
    <t>697-0002</t>
    <phoneticPr fontId="1"/>
  </si>
  <si>
    <t>0855-23-1522</t>
    <phoneticPr fontId="1"/>
  </si>
  <si>
    <t>0855-23-1187</t>
    <phoneticPr fontId="1"/>
  </si>
  <si>
    <t>hamaya-k@aurora.ocn.ne.jp</t>
    <phoneticPr fontId="1"/>
  </si>
  <si>
    <t>若女食品㈱</t>
    <rPh sb="0" eb="1">
      <t>ワカ</t>
    </rPh>
    <rPh sb="1" eb="2">
      <t>オンナ</t>
    </rPh>
    <rPh sb="2" eb="4">
      <t>ショクヒン</t>
    </rPh>
    <phoneticPr fontId="1"/>
  </si>
  <si>
    <t>冷凍食品・練り製品・寿司ネタの製造</t>
    <rPh sb="0" eb="2">
      <t>レイトウ</t>
    </rPh>
    <rPh sb="2" eb="4">
      <t>ショクヒン</t>
    </rPh>
    <rPh sb="5" eb="6">
      <t>ネ</t>
    </rPh>
    <rPh sb="7" eb="9">
      <t>セイヒン</t>
    </rPh>
    <rPh sb="10" eb="12">
      <t>スシ</t>
    </rPh>
    <rPh sb="15" eb="17">
      <t>セイゾウ</t>
    </rPh>
    <phoneticPr fontId="1"/>
  </si>
  <si>
    <t>国田　一義</t>
    <rPh sb="0" eb="1">
      <t>クニ</t>
    </rPh>
    <rPh sb="1" eb="2">
      <t>タ</t>
    </rPh>
    <rPh sb="3" eb="4">
      <t>イチ</t>
    </rPh>
    <phoneticPr fontId="1"/>
  </si>
  <si>
    <t>0855-25-0567</t>
    <phoneticPr fontId="1"/>
  </si>
  <si>
    <t>0855-25-0568</t>
    <phoneticPr fontId="1"/>
  </si>
  <si>
    <t>ys@wakashoku.jp</t>
    <phoneticPr fontId="1"/>
  </si>
  <si>
    <t>㈲垣崎醤油店</t>
    <rPh sb="1" eb="3">
      <t>カキザキ</t>
    </rPh>
    <rPh sb="3" eb="5">
      <t>ショウユ</t>
    </rPh>
    <rPh sb="5" eb="6">
      <t>テン</t>
    </rPh>
    <phoneticPr fontId="1"/>
  </si>
  <si>
    <t>各種調味料（ドレッシング・つゆ）OEM生産も可能</t>
    <rPh sb="0" eb="2">
      <t>カクシュ</t>
    </rPh>
    <rPh sb="2" eb="5">
      <t>チョウミリョウ</t>
    </rPh>
    <rPh sb="19" eb="21">
      <t>セイサン</t>
    </rPh>
    <rPh sb="22" eb="24">
      <t>カノウ</t>
    </rPh>
    <phoneticPr fontId="1"/>
  </si>
  <si>
    <t>藤井　香緒里</t>
    <rPh sb="0" eb="2">
      <t>フジイ</t>
    </rPh>
    <rPh sb="3" eb="4">
      <t>カオ</t>
    </rPh>
    <rPh sb="4" eb="5">
      <t>ショ</t>
    </rPh>
    <rPh sb="5" eb="6">
      <t>サト</t>
    </rPh>
    <phoneticPr fontId="1"/>
  </si>
  <si>
    <t>696-0102</t>
    <phoneticPr fontId="1"/>
  </si>
  <si>
    <t>0855-95-0321</t>
    <phoneticPr fontId="1"/>
  </si>
  <si>
    <t>0855-95-1186</t>
    <phoneticPr fontId="1"/>
  </si>
  <si>
    <t>kakizaki@sx.miracle.ne.jp</t>
    <phoneticPr fontId="1"/>
  </si>
  <si>
    <t>㈲カネコウ中川</t>
    <rPh sb="5" eb="7">
      <t>ナカガワ</t>
    </rPh>
    <phoneticPr fontId="1"/>
  </si>
  <si>
    <t>塩干物の製造・ふぐ料理</t>
    <rPh sb="0" eb="1">
      <t>シオ</t>
    </rPh>
    <rPh sb="1" eb="3">
      <t>ヒモノ</t>
    </rPh>
    <rPh sb="4" eb="6">
      <t>セイゾウ</t>
    </rPh>
    <rPh sb="9" eb="11">
      <t>リョウリ</t>
    </rPh>
    <phoneticPr fontId="1"/>
  </si>
  <si>
    <t>中川　宏</t>
    <rPh sb="0" eb="2">
      <t>ナカガワ</t>
    </rPh>
    <rPh sb="3" eb="4">
      <t>ヒロシ</t>
    </rPh>
    <phoneticPr fontId="1"/>
  </si>
  <si>
    <t>697-0052</t>
    <phoneticPr fontId="1"/>
  </si>
  <si>
    <t>浜田市港町285-2</t>
    <rPh sb="0" eb="3">
      <t>ハマダシ</t>
    </rPh>
    <rPh sb="3" eb="5">
      <t>ミナトマチ</t>
    </rPh>
    <phoneticPr fontId="1"/>
  </si>
  <si>
    <t>0855-22-0936</t>
    <phoneticPr fontId="1"/>
  </si>
  <si>
    <t>0855-22-2515</t>
    <phoneticPr fontId="1"/>
  </si>
  <si>
    <t>gazan@kn-nakagawa.com</t>
    <phoneticPr fontId="1"/>
  </si>
  <si>
    <t>山根忠治商店</t>
    <rPh sb="0" eb="2">
      <t>ヤマネ</t>
    </rPh>
    <rPh sb="2" eb="4">
      <t>チュウジ</t>
    </rPh>
    <rPh sb="4" eb="6">
      <t>ショウテン</t>
    </rPh>
    <phoneticPr fontId="1"/>
  </si>
  <si>
    <t>煮干し、乾魚、鯖寿司、イカめし、焼あなご</t>
    <rPh sb="0" eb="2">
      <t>ニボ</t>
    </rPh>
    <rPh sb="4" eb="6">
      <t>カンギョ</t>
    </rPh>
    <rPh sb="7" eb="8">
      <t>サバ</t>
    </rPh>
    <rPh sb="8" eb="10">
      <t>スシ</t>
    </rPh>
    <rPh sb="16" eb="17">
      <t>ヤ</t>
    </rPh>
    <phoneticPr fontId="1"/>
  </si>
  <si>
    <t>山根　忠治</t>
    <rPh sb="0" eb="2">
      <t>ヤマネ</t>
    </rPh>
    <rPh sb="3" eb="5">
      <t>チュウジ</t>
    </rPh>
    <phoneticPr fontId="1"/>
  </si>
  <si>
    <t>699-2301</t>
    <phoneticPr fontId="1"/>
  </si>
  <si>
    <t>0854-88-2018</t>
    <phoneticPr fontId="1"/>
  </si>
  <si>
    <t>0854-88-2099</t>
    <phoneticPr fontId="1"/>
  </si>
  <si>
    <t>㈱シャトラン</t>
    <phoneticPr fontId="1"/>
  </si>
  <si>
    <t>レトルト食品製造（洋食・和食・中華向け液体ソース・スープ・PB商品・水産加工品）、冷凍品</t>
    <rPh sb="4" eb="6">
      <t>ショクヒン</t>
    </rPh>
    <rPh sb="6" eb="8">
      <t>セイゾウ</t>
    </rPh>
    <rPh sb="9" eb="11">
      <t>ヨウショク</t>
    </rPh>
    <rPh sb="12" eb="14">
      <t>ワショク</t>
    </rPh>
    <rPh sb="15" eb="17">
      <t>チュウカ</t>
    </rPh>
    <rPh sb="17" eb="18">
      <t>ム</t>
    </rPh>
    <rPh sb="19" eb="21">
      <t>エキタイ</t>
    </rPh>
    <rPh sb="31" eb="33">
      <t>ショウヒン</t>
    </rPh>
    <rPh sb="34" eb="36">
      <t>スイサン</t>
    </rPh>
    <rPh sb="36" eb="39">
      <t>カコウヒン</t>
    </rPh>
    <rPh sb="41" eb="44">
      <t>レイトウヒン</t>
    </rPh>
    <phoneticPr fontId="1"/>
  </si>
  <si>
    <t>ごく少量でもご相談に応じます</t>
    <rPh sb="2" eb="4">
      <t>ショウリョウ</t>
    </rPh>
    <rPh sb="7" eb="9">
      <t>ソウダン</t>
    </rPh>
    <rPh sb="10" eb="11">
      <t>オウ</t>
    </rPh>
    <phoneticPr fontId="1"/>
  </si>
  <si>
    <t>石田　聰</t>
    <rPh sb="0" eb="2">
      <t>イシダ</t>
    </rPh>
    <phoneticPr fontId="1"/>
  </si>
  <si>
    <t>697-0121</t>
    <phoneticPr fontId="1"/>
  </si>
  <si>
    <t>0855-42-2180</t>
    <phoneticPr fontId="1"/>
  </si>
  <si>
    <t>0855-42-2029</t>
    <phoneticPr fontId="1"/>
  </si>
  <si>
    <t>chatelain-k@m3.dion.ne.jp</t>
    <phoneticPr fontId="1"/>
  </si>
  <si>
    <t>naka-kou@mx.miracle.ne.jp</t>
    <phoneticPr fontId="1"/>
  </si>
  <si>
    <t>sea_life@nifty.com</t>
    <phoneticPr fontId="1"/>
  </si>
  <si>
    <t>－</t>
    <phoneticPr fontId="1"/>
  </si>
  <si>
    <t>浜田市原井町907-2</t>
    <rPh sb="0" eb="3">
      <t>ハマダシ</t>
    </rPh>
    <rPh sb="3" eb="5">
      <t>ハライ</t>
    </rPh>
    <rPh sb="5" eb="6">
      <t>マチ</t>
    </rPh>
    <phoneticPr fontId="1"/>
  </si>
  <si>
    <t>浜田市金城町下来原1334-1</t>
    <rPh sb="0" eb="3">
      <t>ハマダシ</t>
    </rPh>
    <rPh sb="3" eb="6">
      <t>カナギチョウ</t>
    </rPh>
    <rPh sb="6" eb="7">
      <t>シタ</t>
    </rPh>
    <rPh sb="7" eb="8">
      <t>ク</t>
    </rPh>
    <rPh sb="8" eb="9">
      <t>ハラ</t>
    </rPh>
    <phoneticPr fontId="1"/>
  </si>
  <si>
    <t>大田市仁摩町仁万1987-89</t>
    <rPh sb="0" eb="3">
      <t>オオダシ</t>
    </rPh>
    <rPh sb="3" eb="6">
      <t>ニマチョウ</t>
    </rPh>
    <rPh sb="6" eb="8">
      <t>ニマ</t>
    </rPh>
    <phoneticPr fontId="1"/>
  </si>
  <si>
    <t>邑智郡邑南町中野1046</t>
    <rPh sb="0" eb="3">
      <t>オオチグン</t>
    </rPh>
    <rPh sb="3" eb="6">
      <t>オオナンチョウ</t>
    </rPh>
    <rPh sb="6" eb="7">
      <t>ナカ</t>
    </rPh>
    <rPh sb="7" eb="8">
      <t>ノ</t>
    </rPh>
    <phoneticPr fontId="1"/>
  </si>
  <si>
    <t>浜田市原井町3050-8</t>
    <rPh sb="0" eb="3">
      <t>ハマダシ</t>
    </rPh>
    <rPh sb="3" eb="5">
      <t>ハライ</t>
    </rPh>
    <rPh sb="5" eb="6">
      <t>マチ</t>
    </rPh>
    <phoneticPr fontId="1"/>
  </si>
  <si>
    <t>浜田市生湯町1242-1</t>
    <rPh sb="0" eb="3">
      <t>ハマダシ</t>
    </rPh>
    <rPh sb="3" eb="4">
      <t>イ</t>
    </rPh>
    <rPh sb="4" eb="5">
      <t>ユ</t>
    </rPh>
    <rPh sb="5" eb="6">
      <t>チョウ</t>
    </rPh>
    <phoneticPr fontId="1"/>
  </si>
  <si>
    <t>info@sato-foods.com</t>
    <phoneticPr fontId="1"/>
  </si>
  <si>
    <t>h.sumi@sumi-q.jp</t>
    <phoneticPr fontId="1"/>
  </si>
  <si>
    <t>kkatube@iwami.or.jp</t>
    <phoneticPr fontId="1"/>
  </si>
  <si>
    <t>真空加工（要相談）</t>
    <rPh sb="0" eb="2">
      <t>シンクウ</t>
    </rPh>
    <rPh sb="2" eb="4">
      <t>カコウ</t>
    </rPh>
    <rPh sb="5" eb="6">
      <t>ヨウ</t>
    </rPh>
    <rPh sb="6" eb="8">
      <t>ソウダン</t>
    </rPh>
    <phoneticPr fontId="1"/>
  </si>
  <si>
    <t>㈱ハマショウ</t>
    <phoneticPr fontId="1"/>
  </si>
  <si>
    <t>一夜干し、味醂干し</t>
    <rPh sb="0" eb="2">
      <t>イチヤ</t>
    </rPh>
    <rPh sb="2" eb="3">
      <t>ボ</t>
    </rPh>
    <rPh sb="5" eb="7">
      <t>ミリン</t>
    </rPh>
    <rPh sb="7" eb="8">
      <t>ボ</t>
    </rPh>
    <phoneticPr fontId="1"/>
  </si>
  <si>
    <t>内田　和彦</t>
    <rPh sb="0" eb="2">
      <t>ウチダ</t>
    </rPh>
    <rPh sb="3" eb="5">
      <t>カズヒコ</t>
    </rPh>
    <phoneticPr fontId="1"/>
  </si>
  <si>
    <t>浜田市原井町3050-58</t>
    <rPh sb="0" eb="3">
      <t>ハマダシ</t>
    </rPh>
    <rPh sb="3" eb="5">
      <t>ハライ</t>
    </rPh>
    <rPh sb="5" eb="6">
      <t>マチ</t>
    </rPh>
    <phoneticPr fontId="1"/>
  </si>
  <si>
    <t>0855-23-6335</t>
    <phoneticPr fontId="1"/>
  </si>
  <si>
    <t>0855-23-4314</t>
    <phoneticPr fontId="1"/>
  </si>
  <si>
    <t>hamasyou-toshi@live.jp</t>
    <phoneticPr fontId="1"/>
  </si>
  <si>
    <t>風土菓子本舗　千舎ノ木</t>
    <rPh sb="0" eb="2">
      <t>フウド</t>
    </rPh>
    <rPh sb="2" eb="4">
      <t>カシ</t>
    </rPh>
    <rPh sb="4" eb="6">
      <t>ホンポ</t>
    </rPh>
    <rPh sb="7" eb="8">
      <t>セン</t>
    </rPh>
    <rPh sb="8" eb="9">
      <t>シャ</t>
    </rPh>
    <rPh sb="10" eb="11">
      <t>キ</t>
    </rPh>
    <phoneticPr fontId="1"/>
  </si>
  <si>
    <t>地元で採れた原材料を使用した「風土菓子」の製造</t>
    <rPh sb="0" eb="2">
      <t>ジモト</t>
    </rPh>
    <rPh sb="3" eb="4">
      <t>ト</t>
    </rPh>
    <rPh sb="6" eb="9">
      <t>ゲンザイリョウ</t>
    </rPh>
    <rPh sb="10" eb="12">
      <t>シヨウ</t>
    </rPh>
    <rPh sb="15" eb="17">
      <t>フウド</t>
    </rPh>
    <rPh sb="17" eb="19">
      <t>カシ</t>
    </rPh>
    <rPh sb="21" eb="23">
      <t>セイゾウ</t>
    </rPh>
    <phoneticPr fontId="1"/>
  </si>
  <si>
    <t>青木　登志男</t>
    <rPh sb="0" eb="2">
      <t>アオキ</t>
    </rPh>
    <rPh sb="3" eb="4">
      <t>ノボ</t>
    </rPh>
    <rPh sb="4" eb="5">
      <t>ココロザシ</t>
    </rPh>
    <rPh sb="5" eb="6">
      <t>オトコ</t>
    </rPh>
    <phoneticPr fontId="1"/>
  </si>
  <si>
    <t>699-5621</t>
    <phoneticPr fontId="1"/>
  </si>
  <si>
    <t>鹿足郡津和野町内美518-1</t>
    <rPh sb="0" eb="3">
      <t>カノアシグン</t>
    </rPh>
    <rPh sb="3" eb="7">
      <t>ツワノチョウ</t>
    </rPh>
    <rPh sb="7" eb="8">
      <t>ウチ</t>
    </rPh>
    <rPh sb="8" eb="9">
      <t>ビ</t>
    </rPh>
    <phoneticPr fontId="1"/>
  </si>
  <si>
    <t>0856-72-1855</t>
    <phoneticPr fontId="1"/>
  </si>
  <si>
    <t>㈲やさか共同農場</t>
    <rPh sb="4" eb="6">
      <t>キョウドウ</t>
    </rPh>
    <rPh sb="6" eb="8">
      <t>ノウジョウ</t>
    </rPh>
    <phoneticPr fontId="1"/>
  </si>
  <si>
    <t>味噌、甘酒、糀などの発酵食品に関すること</t>
    <rPh sb="0" eb="2">
      <t>ミソ</t>
    </rPh>
    <rPh sb="3" eb="5">
      <t>アマザケ</t>
    </rPh>
    <rPh sb="6" eb="7">
      <t>コウジ</t>
    </rPh>
    <rPh sb="10" eb="12">
      <t>ハッコウ</t>
    </rPh>
    <rPh sb="12" eb="14">
      <t>ショクヒン</t>
    </rPh>
    <rPh sb="15" eb="16">
      <t>カン</t>
    </rPh>
    <phoneticPr fontId="1"/>
  </si>
  <si>
    <t>佐藤　大輔</t>
    <rPh sb="0" eb="2">
      <t>サトウ</t>
    </rPh>
    <rPh sb="3" eb="5">
      <t>ダイスケ</t>
    </rPh>
    <phoneticPr fontId="1"/>
  </si>
  <si>
    <t>697-1212</t>
    <phoneticPr fontId="1"/>
  </si>
  <si>
    <t>浜田市弥栄町三里ハ38</t>
    <rPh sb="0" eb="3">
      <t>ハマダシ</t>
    </rPh>
    <rPh sb="3" eb="6">
      <t>ヤサカチョウ</t>
    </rPh>
    <rPh sb="6" eb="7">
      <t>サン</t>
    </rPh>
    <rPh sb="7" eb="8">
      <t>サト</t>
    </rPh>
    <phoneticPr fontId="1"/>
  </si>
  <si>
    <t>0855-48-2510</t>
    <phoneticPr fontId="1"/>
  </si>
  <si>
    <t>0855-48-2066</t>
    <phoneticPr fontId="1"/>
  </si>
  <si>
    <t>yasaka@sx.miracle.ne.jp</t>
    <phoneticPr fontId="1"/>
  </si>
  <si>
    <t>㈲桜江町桑茶生産組合</t>
    <rPh sb="1" eb="4">
      <t>サクラエチョウ</t>
    </rPh>
    <rPh sb="4" eb="6">
      <t>クワチャ</t>
    </rPh>
    <rPh sb="6" eb="8">
      <t>セイサン</t>
    </rPh>
    <rPh sb="8" eb="10">
      <t>クミアイ</t>
    </rPh>
    <phoneticPr fontId="1"/>
  </si>
  <si>
    <t>農産物の乾燥及び粉砕等</t>
    <rPh sb="0" eb="3">
      <t>ノウサンブツ</t>
    </rPh>
    <rPh sb="4" eb="6">
      <t>カンソウ</t>
    </rPh>
    <rPh sb="6" eb="7">
      <t>オヨ</t>
    </rPh>
    <rPh sb="8" eb="10">
      <t>フンサイ</t>
    </rPh>
    <rPh sb="10" eb="11">
      <t>トウ</t>
    </rPh>
    <phoneticPr fontId="1"/>
  </si>
  <si>
    <t>古野　利路</t>
    <rPh sb="0" eb="2">
      <t>フルノ</t>
    </rPh>
    <rPh sb="3" eb="4">
      <t>リ</t>
    </rPh>
    <rPh sb="4" eb="5">
      <t>ロ</t>
    </rPh>
    <phoneticPr fontId="1"/>
  </si>
  <si>
    <t>699-4221</t>
    <phoneticPr fontId="1"/>
  </si>
  <si>
    <t>江津市桜江町市山507-1</t>
    <rPh sb="0" eb="3">
      <t>ゴウツシ</t>
    </rPh>
    <rPh sb="3" eb="6">
      <t>サクラエチョウ</t>
    </rPh>
    <rPh sb="6" eb="8">
      <t>イチヤマ</t>
    </rPh>
    <phoneticPr fontId="1"/>
  </si>
  <si>
    <t>0855-92-0547</t>
    <phoneticPr fontId="1"/>
  </si>
  <si>
    <t>0855-92-0676</t>
    <phoneticPr fontId="1"/>
  </si>
  <si>
    <t>中央弁当</t>
    <rPh sb="0" eb="2">
      <t>チュウオウ</t>
    </rPh>
    <rPh sb="2" eb="4">
      <t>ベントウ</t>
    </rPh>
    <phoneticPr fontId="1"/>
  </si>
  <si>
    <t>プロトン凍結機を使用した手作業による商品提供、卸、受託加工</t>
    <rPh sb="4" eb="6">
      <t>トウケツ</t>
    </rPh>
    <rPh sb="6" eb="7">
      <t>キ</t>
    </rPh>
    <rPh sb="8" eb="10">
      <t>シヨウ</t>
    </rPh>
    <rPh sb="12" eb="15">
      <t>テサギョウ</t>
    </rPh>
    <rPh sb="18" eb="20">
      <t>ショウヒン</t>
    </rPh>
    <rPh sb="20" eb="22">
      <t>テイキョウ</t>
    </rPh>
    <rPh sb="23" eb="24">
      <t>オロシ</t>
    </rPh>
    <rPh sb="25" eb="27">
      <t>ジュタク</t>
    </rPh>
    <rPh sb="27" eb="29">
      <t>カコウ</t>
    </rPh>
    <phoneticPr fontId="1"/>
  </si>
  <si>
    <t>少量から相談に応じます</t>
    <rPh sb="0" eb="2">
      <t>ショウリョウ</t>
    </rPh>
    <rPh sb="4" eb="6">
      <t>ソウダン</t>
    </rPh>
    <rPh sb="7" eb="8">
      <t>オウ</t>
    </rPh>
    <phoneticPr fontId="1"/>
  </si>
  <si>
    <t>青笹　輝和</t>
    <rPh sb="0" eb="1">
      <t>アオ</t>
    </rPh>
    <rPh sb="1" eb="2">
      <t>ササ</t>
    </rPh>
    <rPh sb="3" eb="4">
      <t>テル</t>
    </rPh>
    <rPh sb="4" eb="5">
      <t>ワ</t>
    </rPh>
    <phoneticPr fontId="1"/>
  </si>
  <si>
    <t>695-0016</t>
    <phoneticPr fontId="1"/>
  </si>
  <si>
    <t>江津市嘉久志町イ1174-2</t>
    <rPh sb="0" eb="3">
      <t>ゴウツシ</t>
    </rPh>
    <rPh sb="3" eb="6">
      <t>カクシ</t>
    </rPh>
    <rPh sb="6" eb="7">
      <t>マチ</t>
    </rPh>
    <phoneticPr fontId="1"/>
  </si>
  <si>
    <t>0855-52-3393</t>
    <phoneticPr fontId="1"/>
  </si>
  <si>
    <t>0855-52-7039</t>
    <phoneticPr fontId="1"/>
  </si>
  <si>
    <t>aozasa@chu-o.jp</t>
    <phoneticPr fontId="1"/>
  </si>
  <si>
    <t>橋本水産㈱</t>
    <rPh sb="0" eb="2">
      <t>ハシモト</t>
    </rPh>
    <rPh sb="2" eb="4">
      <t>スイサン</t>
    </rPh>
    <phoneticPr fontId="1"/>
  </si>
  <si>
    <t>干魚製造</t>
    <rPh sb="0" eb="1">
      <t>ホ</t>
    </rPh>
    <rPh sb="1" eb="2">
      <t>サカナ</t>
    </rPh>
    <rPh sb="2" eb="4">
      <t>セイゾウ</t>
    </rPh>
    <phoneticPr fontId="1"/>
  </si>
  <si>
    <t>竹根　舞</t>
    <rPh sb="0" eb="1">
      <t>タケ</t>
    </rPh>
    <rPh sb="1" eb="2">
      <t>ネ</t>
    </rPh>
    <rPh sb="3" eb="4">
      <t>マイ</t>
    </rPh>
    <phoneticPr fontId="1"/>
  </si>
  <si>
    <t>浜田市原井町3050-21</t>
    <rPh sb="0" eb="3">
      <t>ハマダシ</t>
    </rPh>
    <rPh sb="3" eb="5">
      <t>ハライ</t>
    </rPh>
    <rPh sb="5" eb="6">
      <t>マチ</t>
    </rPh>
    <phoneticPr fontId="1"/>
  </si>
  <si>
    <t>0855-22-0623</t>
    <phoneticPr fontId="1"/>
  </si>
  <si>
    <t>0855-22-7735</t>
    <phoneticPr fontId="1"/>
  </si>
  <si>
    <t>hsmtbr-c@fine.ocn.ne.jp</t>
    <phoneticPr fontId="1"/>
  </si>
  <si>
    <t>chisva@sun-net.jp</t>
    <phoneticPr fontId="1"/>
  </si>
  <si>
    <t>info@kuwakuwa.tv</t>
    <phoneticPr fontId="1"/>
  </si>
  <si>
    <t>受託加工可能企業とりまとめシート</t>
    <rPh sb="0" eb="2">
      <t>ジュタク</t>
    </rPh>
    <rPh sb="2" eb="4">
      <t>カコウ</t>
    </rPh>
    <rPh sb="4" eb="6">
      <t>カノウ</t>
    </rPh>
    <rPh sb="6" eb="8">
      <t>キギョウ</t>
    </rPh>
    <phoneticPr fontId="1"/>
  </si>
  <si>
    <t>農産</t>
    <rPh sb="0" eb="2">
      <t>ノウサン</t>
    </rPh>
    <phoneticPr fontId="1"/>
  </si>
  <si>
    <t>水産</t>
    <rPh sb="0" eb="2">
      <t>スイサン</t>
    </rPh>
    <phoneticPr fontId="1"/>
  </si>
  <si>
    <t>調味料</t>
    <rPh sb="0" eb="3">
      <t>チョウミリョウ</t>
    </rPh>
    <phoneticPr fontId="1"/>
  </si>
  <si>
    <t>飲料</t>
    <rPh sb="0" eb="2">
      <t>インリョウ</t>
    </rPh>
    <phoneticPr fontId="1"/>
  </si>
  <si>
    <t>その他</t>
    <rPh sb="2" eb="3">
      <t>タ</t>
    </rPh>
    <phoneticPr fontId="1"/>
  </si>
  <si>
    <t>検査</t>
    <rPh sb="0" eb="2">
      <t>ケンサ</t>
    </rPh>
    <phoneticPr fontId="1"/>
  </si>
  <si>
    <r>
      <t xml:space="preserve">510kg
</t>
    </r>
    <r>
      <rPr>
        <sz val="4"/>
        <color theme="1"/>
        <rFont val="HG丸ｺﾞｼｯｸM-PRO"/>
        <family val="3"/>
        <charset val="128"/>
      </rPr>
      <t>それ以下の場合は相談に応じます</t>
    </r>
    <rPh sb="8" eb="10">
      <t>イカ</t>
    </rPh>
    <rPh sb="11" eb="13">
      <t>バアイ</t>
    </rPh>
    <rPh sb="14" eb="16">
      <t>ソウダン</t>
    </rPh>
    <rPh sb="17" eb="18">
      <t>オウ</t>
    </rPh>
    <phoneticPr fontId="1"/>
  </si>
  <si>
    <t>相談に応じます
（小ロット可）</t>
    <rPh sb="0" eb="2">
      <t>ソウダン</t>
    </rPh>
    <rPh sb="3" eb="4">
      <t>オウ</t>
    </rPh>
    <rPh sb="9" eb="10">
      <t>ショウ</t>
    </rPh>
    <rPh sb="13" eb="14">
      <t>カ</t>
    </rPh>
    <phoneticPr fontId="1"/>
  </si>
  <si>
    <t>相談に応じます
最低ロットあり</t>
    <rPh sb="0" eb="2">
      <t>ソウダン</t>
    </rPh>
    <rPh sb="3" eb="4">
      <t>オウ</t>
    </rPh>
    <rPh sb="8" eb="10">
      <t>サイテイ</t>
    </rPh>
    <phoneticPr fontId="1"/>
  </si>
  <si>
    <t>相談に応じます
期間限定あり</t>
    <rPh sb="0" eb="2">
      <t>ソウダン</t>
    </rPh>
    <rPh sb="3" eb="4">
      <t>オウ</t>
    </rPh>
    <rPh sb="8" eb="10">
      <t>キカン</t>
    </rPh>
    <rPh sb="10" eb="12">
      <t>ゲンテイ</t>
    </rPh>
    <phoneticPr fontId="1"/>
  </si>
  <si>
    <r>
      <t xml:space="preserve">1,008本
</t>
    </r>
    <r>
      <rPr>
        <sz val="6"/>
        <color theme="1"/>
        <rFont val="HG丸ｺﾞｼｯｸM-PRO"/>
        <family val="3"/>
        <charset val="128"/>
      </rPr>
      <t>（24本42ケース）</t>
    </r>
    <rPh sb="5" eb="6">
      <t>ホン</t>
    </rPh>
    <rPh sb="10" eb="11">
      <t>ホン</t>
    </rPh>
    <phoneticPr fontId="1"/>
  </si>
  <si>
    <t>2週間程度、相談に応じます</t>
    <rPh sb="1" eb="3">
      <t>シュウカン</t>
    </rPh>
    <rPh sb="3" eb="5">
      <t>テイド</t>
    </rPh>
    <rPh sb="6" eb="8">
      <t>ソウダン</t>
    </rPh>
    <rPh sb="9" eb="10">
      <t>オウ</t>
    </rPh>
    <phoneticPr fontId="1"/>
  </si>
  <si>
    <t>受託加工事業者一覧</t>
    <rPh sb="0" eb="2">
      <t>ジュタク</t>
    </rPh>
    <rPh sb="2" eb="4">
      <t>カコウ</t>
    </rPh>
    <rPh sb="4" eb="7">
      <t>ジギョウシャ</t>
    </rPh>
    <rPh sb="7" eb="9">
      <t>イチラン</t>
    </rPh>
    <phoneticPr fontId="1"/>
  </si>
  <si>
    <t>１．農産</t>
    <rPh sb="2" eb="4">
      <t>ノウサン</t>
    </rPh>
    <phoneticPr fontId="1"/>
  </si>
  <si>
    <t>２．水産</t>
    <rPh sb="2" eb="4">
      <t>スイサン</t>
    </rPh>
    <phoneticPr fontId="1"/>
  </si>
  <si>
    <t>３．調味料</t>
    <rPh sb="2" eb="5">
      <t>チョウミリョウ</t>
    </rPh>
    <phoneticPr fontId="1"/>
  </si>
  <si>
    <t>４．飲料</t>
    <rPh sb="2" eb="4">
      <t>インリョウ</t>
    </rPh>
    <phoneticPr fontId="1"/>
  </si>
  <si>
    <t>５．その他</t>
    <rPh sb="4" eb="5">
      <t>タ</t>
    </rPh>
    <phoneticPr fontId="1"/>
  </si>
  <si>
    <t>６．検査</t>
    <rPh sb="2" eb="4">
      <t>ケンサ</t>
    </rPh>
    <phoneticPr fontId="1"/>
  </si>
  <si>
    <t>㈱いづも農縁</t>
    <rPh sb="4" eb="5">
      <t>ノウ</t>
    </rPh>
    <rPh sb="5" eb="6">
      <t>エン</t>
    </rPh>
    <phoneticPr fontId="1"/>
  </si>
  <si>
    <t>農産物など乾燥粉末の打錠（錠剤成形）、充填（袋詰）</t>
    <rPh sb="0" eb="3">
      <t>ノウサンブツ</t>
    </rPh>
    <rPh sb="5" eb="7">
      <t>カンソウ</t>
    </rPh>
    <rPh sb="7" eb="9">
      <t>フンマツ</t>
    </rPh>
    <rPh sb="10" eb="12">
      <t>ダジョウ</t>
    </rPh>
    <rPh sb="13" eb="15">
      <t>ジョウザイ</t>
    </rPh>
    <rPh sb="15" eb="17">
      <t>セイケイ</t>
    </rPh>
    <rPh sb="19" eb="21">
      <t>ジュウテン</t>
    </rPh>
    <rPh sb="22" eb="23">
      <t>タイ</t>
    </rPh>
    <rPh sb="23" eb="24">
      <t>ヅ</t>
    </rPh>
    <phoneticPr fontId="1"/>
  </si>
  <si>
    <t>1ｋｇ～</t>
    <phoneticPr fontId="1"/>
  </si>
  <si>
    <t>1～2週間</t>
    <rPh sb="3" eb="5">
      <t>シュウカン</t>
    </rPh>
    <phoneticPr fontId="1"/>
  </si>
  <si>
    <t>山内誠二</t>
    <rPh sb="0" eb="2">
      <t>ヤマウチ</t>
    </rPh>
    <rPh sb="2" eb="4">
      <t>セイジ</t>
    </rPh>
    <phoneticPr fontId="1"/>
  </si>
  <si>
    <t>0853-23-7501</t>
    <phoneticPr fontId="1"/>
  </si>
  <si>
    <t>0853-23-7511</t>
    <phoneticPr fontId="1"/>
  </si>
  <si>
    <t>nouen@izmo.jp</t>
    <phoneticPr fontId="1"/>
  </si>
  <si>
    <t>693-0071</t>
    <phoneticPr fontId="1"/>
  </si>
  <si>
    <t>出雲市稲岡町281</t>
    <rPh sb="0" eb="3">
      <t>イズモシ</t>
    </rPh>
    <rPh sb="3" eb="6">
      <t>イナオカチョウ</t>
    </rPh>
    <phoneticPr fontId="1"/>
  </si>
  <si>
    <t>平成２９年７月●●日時点</t>
    <rPh sb="0" eb="2">
      <t>ヘイセイ</t>
    </rPh>
    <rPh sb="4" eb="5">
      <t>ネン</t>
    </rPh>
    <rPh sb="6" eb="7">
      <t>ガツ</t>
    </rPh>
    <rPh sb="9" eb="10">
      <t>ニチ</t>
    </rPh>
    <rPh sb="10" eb="12">
      <t>ジテン</t>
    </rPh>
    <phoneticPr fontId="1"/>
  </si>
  <si>
    <t>出雲屋蒲鉾店</t>
    <rPh sb="0" eb="2">
      <t>イズモ</t>
    </rPh>
    <rPh sb="2" eb="3">
      <t>ヤ</t>
    </rPh>
    <rPh sb="3" eb="5">
      <t>カマボコ</t>
    </rPh>
    <rPh sb="5" eb="6">
      <t>テン</t>
    </rPh>
    <phoneticPr fontId="1"/>
  </si>
  <si>
    <t>水産練製品の製造</t>
    <rPh sb="0" eb="2">
      <t>スイサン</t>
    </rPh>
    <rPh sb="2" eb="5">
      <t>ネリセイヒン</t>
    </rPh>
    <rPh sb="6" eb="8">
      <t>セイゾウ</t>
    </rPh>
    <phoneticPr fontId="1"/>
  </si>
  <si>
    <t>長見　直行</t>
    <rPh sb="0" eb="2">
      <t>ナガミ</t>
    </rPh>
    <rPh sb="3" eb="5">
      <t>ナオユキ</t>
    </rPh>
    <phoneticPr fontId="1"/>
  </si>
  <si>
    <t>699-2301</t>
    <phoneticPr fontId="1"/>
  </si>
  <si>
    <t>大田市仁摩町仁万777-1</t>
    <rPh sb="0" eb="3">
      <t>オオダシ</t>
    </rPh>
    <rPh sb="3" eb="6">
      <t>ニマチョウ</t>
    </rPh>
    <rPh sb="6" eb="8">
      <t>ニマ</t>
    </rPh>
    <phoneticPr fontId="1"/>
  </si>
  <si>
    <t>0854-88-2952</t>
    <phoneticPr fontId="1"/>
  </si>
  <si>
    <t>0854-88-4206</t>
    <phoneticPr fontId="1"/>
  </si>
  <si>
    <t>izumoya@ginzan-tv.ne.jp</t>
    <phoneticPr fontId="1"/>
  </si>
  <si>
    <t>㈲クボタ牛乳</t>
    <rPh sb="4" eb="6">
      <t>ギュウニュウ</t>
    </rPh>
    <phoneticPr fontId="1"/>
  </si>
  <si>
    <t>牛乳・乳製品の製造（牛乳・発酵乳・アイスクリーム等）</t>
    <rPh sb="0" eb="2">
      <t>ギュウニュウ</t>
    </rPh>
    <rPh sb="3" eb="6">
      <t>ニュウセイヒン</t>
    </rPh>
    <rPh sb="7" eb="9">
      <t>セイゾウ</t>
    </rPh>
    <rPh sb="10" eb="12">
      <t>ギュウニュウ</t>
    </rPh>
    <rPh sb="13" eb="16">
      <t>ハッコウニュウ</t>
    </rPh>
    <rPh sb="24" eb="25">
      <t>トウ</t>
    </rPh>
    <phoneticPr fontId="1"/>
  </si>
  <si>
    <t>久保田　英治</t>
    <rPh sb="0" eb="3">
      <t>クボタ</t>
    </rPh>
    <rPh sb="4" eb="6">
      <t>エイジ</t>
    </rPh>
    <phoneticPr fontId="1"/>
  </si>
  <si>
    <t>697-0017</t>
    <phoneticPr fontId="1"/>
  </si>
  <si>
    <t>浜田市原井町９０７</t>
    <rPh sb="0" eb="3">
      <t>ハマダシ</t>
    </rPh>
    <rPh sb="3" eb="6">
      <t>ハライチョウ</t>
    </rPh>
    <phoneticPr fontId="1"/>
  </si>
  <si>
    <t>0855-22-0341</t>
    <phoneticPr fontId="1"/>
  </si>
  <si>
    <t>0855-22-0343</t>
    <phoneticPr fontId="1"/>
  </si>
  <si>
    <t>milkeiji@gaea.ocn.ne.jp</t>
    <phoneticPr fontId="1"/>
  </si>
  <si>
    <t>㈲益田製茶</t>
    <rPh sb="1" eb="3">
      <t>マスダ</t>
    </rPh>
    <rPh sb="3" eb="5">
      <t>セイチャ</t>
    </rPh>
    <phoneticPr fontId="1"/>
  </si>
  <si>
    <t>渡邊　義之</t>
    <rPh sb="0" eb="2">
      <t>ワタナベ</t>
    </rPh>
    <rPh sb="3" eb="5">
      <t>ヨシユキ</t>
    </rPh>
    <phoneticPr fontId="1"/>
  </si>
  <si>
    <t>698-0017</t>
    <phoneticPr fontId="1"/>
  </si>
  <si>
    <t>益田市七尾町１０－３５</t>
    <rPh sb="0" eb="3">
      <t>マスダシ</t>
    </rPh>
    <rPh sb="3" eb="6">
      <t>ナナオチョウ</t>
    </rPh>
    <phoneticPr fontId="1"/>
  </si>
  <si>
    <t>0856-22-6977</t>
    <phoneticPr fontId="1"/>
  </si>
  <si>
    <t>0856-22-6983</t>
    <phoneticPr fontId="1"/>
  </si>
  <si>
    <t>info@ee-ocha.co.jp</t>
    <phoneticPr fontId="1"/>
  </si>
  <si>
    <t>㈱みと</t>
    <phoneticPr fontId="1"/>
  </si>
  <si>
    <t>清涼飲料水の製造</t>
    <rPh sb="0" eb="2">
      <t>セイリョウ</t>
    </rPh>
    <rPh sb="2" eb="5">
      <t>インリョウスイ</t>
    </rPh>
    <rPh sb="6" eb="8">
      <t>セイゾウ</t>
    </rPh>
    <phoneticPr fontId="1"/>
  </si>
  <si>
    <t>椋木　真司</t>
    <rPh sb="0" eb="2">
      <t>ムクノキ</t>
    </rPh>
    <rPh sb="3" eb="5">
      <t>シンジ</t>
    </rPh>
    <phoneticPr fontId="1"/>
  </si>
  <si>
    <t>698-0203</t>
    <phoneticPr fontId="1"/>
  </si>
  <si>
    <t>益田市美都町都茂８４６</t>
    <rPh sb="0" eb="3">
      <t>マスダシ</t>
    </rPh>
    <rPh sb="3" eb="6">
      <t>ミトチョウ</t>
    </rPh>
    <rPh sb="6" eb="8">
      <t>ツモ</t>
    </rPh>
    <phoneticPr fontId="1"/>
  </si>
  <si>
    <t>0856-52-2088</t>
    <phoneticPr fontId="1"/>
  </si>
  <si>
    <t>0856-52-2170</t>
    <phoneticPr fontId="1"/>
  </si>
  <si>
    <t>info@kk-mito.co.jp</t>
    <phoneticPr fontId="1"/>
  </si>
  <si>
    <t>各種調味料の小ロット委託生産</t>
    <rPh sb="0" eb="2">
      <t>カクシュ</t>
    </rPh>
    <rPh sb="2" eb="5">
      <t>チョウミリョウ</t>
    </rPh>
    <rPh sb="6" eb="7">
      <t>ショウ</t>
    </rPh>
    <rPh sb="10" eb="12">
      <t>イタク</t>
    </rPh>
    <rPh sb="12" eb="14">
      <t>セイサン</t>
    </rPh>
    <phoneticPr fontId="1"/>
  </si>
  <si>
    <t>相談に応じます</t>
    <rPh sb="0" eb="2">
      <t>ソウダン</t>
    </rPh>
    <rPh sb="3" eb="4">
      <t>オウ</t>
    </rPh>
    <phoneticPr fontId="1"/>
  </si>
  <si>
    <t>698-0203</t>
    <phoneticPr fontId="1"/>
  </si>
  <si>
    <t>0856-52-2088</t>
    <phoneticPr fontId="1"/>
  </si>
  <si>
    <t>0856-52-2170</t>
    <phoneticPr fontId="1"/>
  </si>
  <si>
    <t>info@kk-mito.co.jp</t>
    <phoneticPr fontId="1"/>
  </si>
  <si>
    <t>㈱益田クッキングフーズ</t>
    <rPh sb="1" eb="3">
      <t>マスダ</t>
    </rPh>
    <phoneticPr fontId="1"/>
  </si>
  <si>
    <t>プロトン凍結機を使用した冷凍加工による商品提供、受託加工</t>
    <rPh sb="4" eb="6">
      <t>トウケツ</t>
    </rPh>
    <rPh sb="6" eb="7">
      <t>キ</t>
    </rPh>
    <rPh sb="8" eb="10">
      <t>シヨウ</t>
    </rPh>
    <rPh sb="12" eb="14">
      <t>レイトウ</t>
    </rPh>
    <rPh sb="14" eb="16">
      <t>カコウ</t>
    </rPh>
    <rPh sb="19" eb="21">
      <t>ショウヒン</t>
    </rPh>
    <rPh sb="21" eb="23">
      <t>テイキョウ</t>
    </rPh>
    <rPh sb="24" eb="26">
      <t>ジュタク</t>
    </rPh>
    <rPh sb="26" eb="28">
      <t>カコウ</t>
    </rPh>
    <phoneticPr fontId="1"/>
  </si>
  <si>
    <t>真空シール機を使用した真空シール加工による商品提供、受託加工</t>
    <rPh sb="0" eb="2">
      <t>シンクウ</t>
    </rPh>
    <rPh sb="5" eb="6">
      <t>キ</t>
    </rPh>
    <rPh sb="7" eb="9">
      <t>シヨウ</t>
    </rPh>
    <rPh sb="11" eb="13">
      <t>シンクウ</t>
    </rPh>
    <rPh sb="16" eb="18">
      <t>カコウ</t>
    </rPh>
    <rPh sb="21" eb="23">
      <t>ショウヒン</t>
    </rPh>
    <rPh sb="23" eb="25">
      <t>テイキョウ</t>
    </rPh>
    <rPh sb="26" eb="28">
      <t>ジュタク</t>
    </rPh>
    <rPh sb="28" eb="30">
      <t>カコウ</t>
    </rPh>
    <phoneticPr fontId="1"/>
  </si>
  <si>
    <t>699-5131</t>
    <phoneticPr fontId="1"/>
  </si>
  <si>
    <t>益田市安富町１１０５</t>
    <rPh sb="0" eb="3">
      <t>マスダシ</t>
    </rPh>
    <rPh sb="3" eb="6">
      <t>ヤストミチョウ</t>
    </rPh>
    <phoneticPr fontId="1"/>
  </si>
  <si>
    <t>0856-25-2566</t>
    <phoneticPr fontId="1"/>
  </si>
  <si>
    <t>0856-25-2516</t>
    <phoneticPr fontId="1"/>
  </si>
  <si>
    <t>info@heartcook.co.jp</t>
    <phoneticPr fontId="1"/>
  </si>
  <si>
    <t>マルハマ食品㈱</t>
    <rPh sb="4" eb="6">
      <t>ショクヒン</t>
    </rPh>
    <phoneticPr fontId="1"/>
  </si>
  <si>
    <t>茶の粉末加工</t>
    <rPh sb="0" eb="1">
      <t>チャ</t>
    </rPh>
    <rPh sb="2" eb="4">
      <t>フンマツ</t>
    </rPh>
    <rPh sb="4" eb="6">
      <t>カコウ</t>
    </rPh>
    <phoneticPr fontId="1"/>
  </si>
  <si>
    <t>醤油・だしの素・スープ・レトルト食品等の製造</t>
    <rPh sb="0" eb="2">
      <t>ショウユ</t>
    </rPh>
    <rPh sb="6" eb="7">
      <t>モト</t>
    </rPh>
    <rPh sb="16" eb="18">
      <t>ショクヒン</t>
    </rPh>
    <rPh sb="18" eb="19">
      <t>トウ</t>
    </rPh>
    <rPh sb="20" eb="22">
      <t>セイゾウ</t>
    </rPh>
    <phoneticPr fontId="1"/>
  </si>
  <si>
    <t>濱崎　修司</t>
    <rPh sb="0" eb="2">
      <t>ハマサキ</t>
    </rPh>
    <rPh sb="3" eb="5">
      <t>シュウジ</t>
    </rPh>
    <phoneticPr fontId="1"/>
  </si>
  <si>
    <t>697-1321</t>
    <phoneticPr fontId="1"/>
  </si>
  <si>
    <t>浜田市周布町イ１００</t>
    <rPh sb="0" eb="3">
      <t>ハマダシ</t>
    </rPh>
    <rPh sb="3" eb="6">
      <t>スフチョウ</t>
    </rPh>
    <phoneticPr fontId="1"/>
  </si>
  <si>
    <t>0855-26-0700</t>
    <phoneticPr fontId="1"/>
  </si>
  <si>
    <t>0855-26-1533</t>
    <phoneticPr fontId="1"/>
  </si>
  <si>
    <t>電話、またはHP「お問い合わせ」から</t>
    <rPh sb="0" eb="2">
      <t>デンワ</t>
    </rPh>
    <rPh sb="10" eb="11">
      <t>ト</t>
    </rPh>
    <rPh sb="12" eb="13">
      <t>ア</t>
    </rPh>
    <phoneticPr fontId="1"/>
  </si>
  <si>
    <t>渡邊　育江</t>
    <rPh sb="0" eb="2">
      <t>ワタナベ</t>
    </rPh>
    <rPh sb="3" eb="5">
      <t>イクエ</t>
    </rPh>
    <phoneticPr fontId="1"/>
  </si>
  <si>
    <t>㈲トム（旧㈱めぐみ）</t>
    <rPh sb="4" eb="5">
      <t>キュウ</t>
    </rPh>
    <phoneticPr fontId="1"/>
  </si>
  <si>
    <t>社会福祉法人いわみ福祉会　フーズくわの木</t>
    <rPh sb="0" eb="2">
      <t>シャカイ</t>
    </rPh>
    <rPh sb="2" eb="4">
      <t>フクシ</t>
    </rPh>
    <rPh sb="4" eb="6">
      <t>ホウジン</t>
    </rPh>
    <rPh sb="9" eb="12">
      <t>フクシカイ</t>
    </rPh>
    <rPh sb="19" eb="20">
      <t>キ</t>
    </rPh>
    <phoneticPr fontId="1"/>
  </si>
  <si>
    <t>新含気調理殺菌</t>
    <rPh sb="0" eb="1">
      <t>シン</t>
    </rPh>
    <rPh sb="1" eb="2">
      <t>フク</t>
    </rPh>
    <rPh sb="2" eb="3">
      <t>キ</t>
    </rPh>
    <rPh sb="3" eb="5">
      <t>チョウリ</t>
    </rPh>
    <rPh sb="5" eb="7">
      <t>サッキン</t>
    </rPh>
    <phoneticPr fontId="1"/>
  </si>
  <si>
    <t>益田　淳</t>
    <rPh sb="0" eb="2">
      <t>マスダ</t>
    </rPh>
    <rPh sb="3" eb="4">
      <t>ジュン</t>
    </rPh>
    <phoneticPr fontId="1"/>
  </si>
  <si>
    <t>695-0024</t>
    <phoneticPr fontId="1"/>
  </si>
  <si>
    <t>江津市二宮町神主2218</t>
    <rPh sb="0" eb="3">
      <t>ゴウツシ</t>
    </rPh>
    <rPh sb="3" eb="5">
      <t>ニノミヤ</t>
    </rPh>
    <rPh sb="5" eb="6">
      <t>チョウ</t>
    </rPh>
    <rPh sb="6" eb="8">
      <t>カンヌシ</t>
    </rPh>
    <phoneticPr fontId="1"/>
  </si>
  <si>
    <t>0855-52-7185</t>
    <phoneticPr fontId="1"/>
  </si>
  <si>
    <t>0855-52-7190</t>
    <phoneticPr fontId="1"/>
  </si>
  <si>
    <t>w-goutsu2@fuga.ocn.ne.jp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4"/>
      <color theme="1"/>
      <name val="HG丸ｺﾞｼｯｸM-PRO"/>
      <family val="3"/>
      <charset val="128"/>
    </font>
    <font>
      <sz val="11"/>
      <color theme="1"/>
      <name val="HG丸ｺﾞｼｯｸM-PRO"/>
      <family val="3"/>
      <charset val="128"/>
    </font>
    <font>
      <sz val="10"/>
      <color theme="1"/>
      <name val="HG丸ｺﾞｼｯｸM-PRO"/>
      <family val="3"/>
      <charset val="128"/>
    </font>
    <font>
      <sz val="7"/>
      <color theme="1"/>
      <name val="HG丸ｺﾞｼｯｸM-PRO"/>
      <family val="3"/>
      <charset val="128"/>
    </font>
    <font>
      <u/>
      <sz val="11"/>
      <color theme="10"/>
      <name val="ＭＳ Ｐゴシック"/>
      <family val="2"/>
      <charset val="128"/>
      <scheme val="minor"/>
    </font>
    <font>
      <sz val="10"/>
      <color indexed="8"/>
      <name val="HG丸ｺﾞｼｯｸM-PRO"/>
      <family val="3"/>
      <charset val="128"/>
    </font>
    <font>
      <sz val="6"/>
      <name val="ＭＳ Ｐゴシック"/>
      <family val="3"/>
      <charset val="128"/>
    </font>
    <font>
      <sz val="7"/>
      <color indexed="8"/>
      <name val="HG丸ｺﾞｼｯｸM-PRO"/>
      <family val="3"/>
      <charset val="128"/>
    </font>
    <font>
      <sz val="10"/>
      <name val="HG丸ｺﾞｼｯｸM-PRO"/>
      <family val="3"/>
      <charset val="128"/>
    </font>
    <font>
      <sz val="7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sz val="9"/>
      <name val="HG丸ｺﾞｼｯｸM-PRO"/>
      <family val="3"/>
      <charset val="128"/>
    </font>
    <font>
      <sz val="6"/>
      <color theme="1"/>
      <name val="HG丸ｺﾞｼｯｸM-PRO"/>
      <family val="3"/>
      <charset val="128"/>
    </font>
    <font>
      <sz val="4"/>
      <color theme="1"/>
      <name val="HG丸ｺﾞｼｯｸM-PRO"/>
      <family val="3"/>
      <charset val="128"/>
    </font>
    <font>
      <sz val="24"/>
      <color theme="1"/>
      <name val="ＭＳ Ｐゴシック"/>
      <family val="2"/>
      <charset val="128"/>
      <scheme val="minor"/>
    </font>
    <font>
      <u/>
      <sz val="18"/>
      <color theme="10"/>
      <name val="ＭＳ Ｐゴシック"/>
      <family val="2"/>
      <charset val="128"/>
      <scheme val="minor"/>
    </font>
    <font>
      <sz val="24"/>
      <color theme="1"/>
      <name val="ＭＳ Ｐゴシック"/>
      <family val="3"/>
      <charset val="128"/>
      <scheme val="minor"/>
    </font>
    <font>
      <u/>
      <sz val="24"/>
      <color theme="10"/>
      <name val="ＭＳ Ｐゴシック"/>
      <family val="2"/>
      <charset val="128"/>
      <scheme val="minor"/>
    </font>
    <font>
      <u/>
      <sz val="24"/>
      <color theme="10"/>
      <name val="ＭＳ Ｐゴシック"/>
      <family val="3"/>
      <charset val="128"/>
      <scheme val="minor"/>
    </font>
    <font>
      <sz val="8"/>
      <color theme="1"/>
      <name val="HG丸ｺﾞｼｯｸM-PRO"/>
      <family val="3"/>
      <charset val="128"/>
    </font>
    <font>
      <sz val="8"/>
      <name val="HG丸ｺﾞｼｯｸM-PRO"/>
      <family val="3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double">
        <color auto="1"/>
      </left>
      <right/>
      <top style="double">
        <color auto="1"/>
      </top>
      <bottom style="double">
        <color auto="1"/>
      </bottom>
      <diagonal/>
    </border>
    <border>
      <left/>
      <right/>
      <top style="double">
        <color auto="1"/>
      </top>
      <bottom style="double">
        <color auto="1"/>
      </bottom>
      <diagonal/>
    </border>
    <border>
      <left/>
      <right style="double">
        <color auto="1"/>
      </right>
      <top style="double">
        <color auto="1"/>
      </top>
      <bottom style="double">
        <color auto="1"/>
      </bottom>
      <diagonal/>
    </border>
  </borders>
  <cellStyleXfs count="2">
    <xf numFmtId="0" fontId="0" fillId="0" borderId="0">
      <alignment vertical="center"/>
    </xf>
    <xf numFmtId="0" fontId="7" fillId="0" borderId="0" applyNumberFormat="0" applyFill="0" applyBorder="0" applyAlignment="0" applyProtection="0">
      <alignment vertical="center"/>
    </xf>
  </cellStyleXfs>
  <cellXfs count="66">
    <xf numFmtId="0" fontId="0" fillId="0" borderId="0" xfId="0">
      <alignment vertical="center"/>
    </xf>
    <xf numFmtId="0" fontId="2" fillId="0" borderId="0" xfId="0" applyFont="1" applyAlignment="1">
      <alignment vertical="center" wrapText="1"/>
    </xf>
    <xf numFmtId="0" fontId="4" fillId="0" borderId="0" xfId="0" applyFont="1">
      <alignment vertical="center"/>
    </xf>
    <xf numFmtId="0" fontId="6" fillId="0" borderId="1" xfId="0" applyFont="1" applyBorder="1">
      <alignment vertical="center"/>
    </xf>
    <xf numFmtId="0" fontId="5" fillId="0" borderId="1" xfId="0" applyFont="1" applyBorder="1" applyAlignment="1">
      <alignment vertical="center" shrinkToFit="1"/>
    </xf>
    <xf numFmtId="0" fontId="6" fillId="0" borderId="1" xfId="0" applyFont="1" applyBorder="1" applyAlignment="1">
      <alignment vertical="center" shrinkToFit="1"/>
    </xf>
    <xf numFmtId="0" fontId="7" fillId="0" borderId="1" xfId="1" applyBorder="1" applyAlignment="1">
      <alignment vertical="center" shrinkToFit="1"/>
    </xf>
    <xf numFmtId="0" fontId="5" fillId="0" borderId="1" xfId="0" applyFont="1" applyBorder="1" applyAlignment="1">
      <alignment vertical="center" wrapText="1" shrinkToFit="1"/>
    </xf>
    <xf numFmtId="0" fontId="7" fillId="0" borderId="1" xfId="1" applyBorder="1" applyAlignment="1" applyProtection="1">
      <alignment vertical="center" shrinkToFit="1"/>
    </xf>
    <xf numFmtId="0" fontId="5" fillId="0" borderId="1" xfId="0" applyFont="1" applyBorder="1" applyAlignment="1">
      <alignment horizontal="left" vertical="center" shrinkToFit="1"/>
    </xf>
    <xf numFmtId="0" fontId="8" fillId="0" borderId="1" xfId="0" applyFont="1" applyBorder="1" applyAlignment="1">
      <alignment vertical="center" shrinkToFit="1"/>
    </xf>
    <xf numFmtId="0" fontId="10" fillId="0" borderId="1" xfId="0" applyFont="1" applyBorder="1">
      <alignment vertical="center"/>
    </xf>
    <xf numFmtId="0" fontId="4" fillId="0" borderId="0" xfId="0" applyFont="1" applyAlignment="1">
      <alignment vertical="center"/>
    </xf>
    <xf numFmtId="0" fontId="6" fillId="0" borderId="1" xfId="0" applyFont="1" applyBorder="1" applyAlignment="1">
      <alignment vertical="center"/>
    </xf>
    <xf numFmtId="0" fontId="4" fillId="0" borderId="0" xfId="0" applyFont="1" applyAlignment="1">
      <alignment horizontal="right" vertical="center"/>
    </xf>
    <xf numFmtId="0" fontId="5" fillId="0" borderId="1" xfId="0" applyFont="1" applyBorder="1" applyAlignment="1">
      <alignment horizontal="center" vertical="center" shrinkToFit="1"/>
    </xf>
    <xf numFmtId="0" fontId="11" fillId="0" borderId="1" xfId="0" applyFont="1" applyBorder="1" applyAlignment="1">
      <alignment vertical="center" wrapText="1" shrinkToFit="1"/>
    </xf>
    <xf numFmtId="0" fontId="12" fillId="0" borderId="1" xfId="0" applyFont="1" applyBorder="1">
      <alignment vertical="center"/>
    </xf>
    <xf numFmtId="0" fontId="11" fillId="0" borderId="3" xfId="0" applyFont="1" applyBorder="1" applyAlignment="1">
      <alignment horizontal="left" vertical="center" shrinkToFit="1"/>
    </xf>
    <xf numFmtId="0" fontId="11" fillId="0" borderId="1" xfId="0" applyFont="1" applyBorder="1" applyAlignment="1">
      <alignment vertical="center" shrinkToFit="1"/>
    </xf>
    <xf numFmtId="0" fontId="12" fillId="0" borderId="1" xfId="0" applyFont="1" applyBorder="1" applyAlignment="1">
      <alignment vertical="center" shrinkToFit="1"/>
    </xf>
    <xf numFmtId="0" fontId="4" fillId="0" borderId="1" xfId="0" applyFont="1" applyBorder="1" applyAlignment="1">
      <alignment horizontal="center" vertical="center"/>
    </xf>
    <xf numFmtId="0" fontId="11" fillId="0" borderId="3" xfId="0" applyFont="1" applyFill="1" applyBorder="1" applyAlignment="1">
      <alignment horizontal="left" vertical="center" shrinkToFit="1"/>
    </xf>
    <xf numFmtId="0" fontId="5" fillId="0" borderId="1" xfId="0" applyFont="1" applyFill="1" applyBorder="1" applyAlignment="1">
      <alignment vertical="center" shrinkToFit="1"/>
    </xf>
    <xf numFmtId="0" fontId="8" fillId="0" borderId="1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1" xfId="0" applyFont="1" applyBorder="1" applyAlignment="1">
      <alignment vertical="center"/>
    </xf>
    <xf numFmtId="0" fontId="11" fillId="0" borderId="3" xfId="0" applyFont="1" applyBorder="1" applyAlignment="1">
      <alignment horizontal="left" vertical="center" wrapText="1" shrinkToFit="1"/>
    </xf>
    <xf numFmtId="0" fontId="13" fillId="0" borderId="1" xfId="0" applyFont="1" applyBorder="1" applyAlignment="1">
      <alignment vertical="center" wrapText="1" shrinkToFit="1"/>
    </xf>
    <xf numFmtId="0" fontId="14" fillId="0" borderId="3" xfId="0" applyFont="1" applyBorder="1" applyAlignment="1">
      <alignment horizontal="left" vertical="center" wrapText="1" shrinkToFit="1"/>
    </xf>
    <xf numFmtId="0" fontId="18" fillId="0" borderId="0" xfId="1" applyFont="1">
      <alignment vertical="center"/>
    </xf>
    <xf numFmtId="0" fontId="19" fillId="0" borderId="0" xfId="0" applyFont="1">
      <alignment vertical="center"/>
    </xf>
    <xf numFmtId="0" fontId="20" fillId="0" borderId="0" xfId="1" applyFont="1">
      <alignment vertical="center"/>
    </xf>
    <xf numFmtId="0" fontId="21" fillId="0" borderId="0" xfId="1" applyFont="1">
      <alignment vertical="center"/>
    </xf>
    <xf numFmtId="0" fontId="7" fillId="0" borderId="0" xfId="1">
      <alignment vertical="center"/>
    </xf>
    <xf numFmtId="0" fontId="22" fillId="0" borderId="1" xfId="0" applyFont="1" applyBorder="1" applyAlignment="1">
      <alignment vertical="center" shrinkToFit="1"/>
    </xf>
    <xf numFmtId="0" fontId="11" fillId="0" borderId="1" xfId="0" applyFont="1" applyFill="1" applyBorder="1" applyAlignment="1">
      <alignment horizontal="left" vertical="center" shrinkToFit="1"/>
    </xf>
    <xf numFmtId="0" fontId="11" fillId="0" borderId="1" xfId="0" applyFont="1" applyFill="1" applyBorder="1" applyAlignment="1">
      <alignment vertical="center" shrinkToFit="1"/>
    </xf>
    <xf numFmtId="0" fontId="0" fillId="0" borderId="1" xfId="0" applyBorder="1">
      <alignment vertical="center"/>
    </xf>
    <xf numFmtId="0" fontId="12" fillId="0" borderId="1" xfId="0" applyFont="1" applyFill="1" applyBorder="1">
      <alignment vertical="center"/>
    </xf>
    <xf numFmtId="0" fontId="7" fillId="0" borderId="1" xfId="1" applyBorder="1">
      <alignment vertical="center"/>
    </xf>
    <xf numFmtId="0" fontId="23" fillId="0" borderId="1" xfId="0" applyFont="1" applyBorder="1" applyAlignment="1">
      <alignment vertical="center" shrinkToFit="1"/>
    </xf>
    <xf numFmtId="0" fontId="5" fillId="0" borderId="1" xfId="0" applyFont="1" applyFill="1" applyBorder="1" applyAlignment="1">
      <alignment vertical="center" wrapText="1" shrinkToFit="1"/>
    </xf>
    <xf numFmtId="0" fontId="6" fillId="0" borderId="1" xfId="0" applyFont="1" applyFill="1" applyBorder="1" applyAlignment="1">
      <alignment vertical="center" shrinkToFit="1"/>
    </xf>
    <xf numFmtId="0" fontId="6" fillId="0" borderId="1" xfId="0" applyFont="1" applyFill="1" applyBorder="1">
      <alignment vertical="center"/>
    </xf>
    <xf numFmtId="0" fontId="13" fillId="0" borderId="1" xfId="0" applyFont="1" applyBorder="1" applyAlignment="1">
      <alignment vertical="center" wrapText="1"/>
    </xf>
    <xf numFmtId="0" fontId="5" fillId="0" borderId="1" xfId="0" applyFont="1" applyBorder="1">
      <alignment vertical="center"/>
    </xf>
    <xf numFmtId="0" fontId="22" fillId="0" borderId="1" xfId="0" applyFont="1" applyBorder="1">
      <alignment vertical="center"/>
    </xf>
    <xf numFmtId="0" fontId="13" fillId="0" borderId="1" xfId="0" applyFont="1" applyBorder="1">
      <alignment vertical="center"/>
    </xf>
    <xf numFmtId="0" fontId="11" fillId="0" borderId="1" xfId="0" applyFont="1" applyFill="1" applyBorder="1" applyAlignment="1">
      <alignment horizontal="left" vertical="center" shrinkToFit="1"/>
    </xf>
    <xf numFmtId="0" fontId="17" fillId="0" borderId="9" xfId="0" applyFont="1" applyBorder="1" applyAlignment="1">
      <alignment horizontal="center" vertical="center"/>
    </xf>
    <xf numFmtId="0" fontId="17" fillId="0" borderId="10" xfId="0" applyFont="1" applyBorder="1" applyAlignment="1">
      <alignment horizontal="center" vertical="center"/>
    </xf>
    <xf numFmtId="0" fontId="17" fillId="0" borderId="11" xfId="0" applyFont="1" applyBorder="1" applyAlignment="1">
      <alignment horizontal="center" vertical="center"/>
    </xf>
    <xf numFmtId="0" fontId="5" fillId="0" borderId="2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3" fillId="0" borderId="0" xfId="0" applyFont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11" fillId="0" borderId="1" xfId="0" applyFont="1" applyFill="1" applyBorder="1" applyAlignment="1">
      <alignment horizontal="left" vertical="center" shrinkToFit="1"/>
    </xf>
    <xf numFmtId="0" fontId="11" fillId="0" borderId="2" xfId="0" applyFont="1" applyFill="1" applyBorder="1" applyAlignment="1">
      <alignment vertical="center" wrapText="1" shrinkToFit="1"/>
    </xf>
    <xf numFmtId="0" fontId="11" fillId="0" borderId="4" xfId="0" applyFont="1" applyFill="1" applyBorder="1" applyAlignment="1">
      <alignment vertical="center" shrinkToFit="1"/>
    </xf>
    <xf numFmtId="0" fontId="11" fillId="0" borderId="3" xfId="0" applyFont="1" applyFill="1" applyBorder="1" applyAlignment="1">
      <alignment vertical="center" shrinkToFit="1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8" Type="http://schemas.openxmlformats.org/officeDocument/2006/relationships/hyperlink" Target="mailto:notsu_tak@agri-shimane.biz" TargetMode="External"/><Relationship Id="rId13" Type="http://schemas.openxmlformats.org/officeDocument/2006/relationships/hyperlink" Target="mailto:chisva@sun-net.jp" TargetMode="External"/><Relationship Id="rId3" Type="http://schemas.openxmlformats.org/officeDocument/2006/relationships/hyperlink" Target="mailto:hmoriyama@moriyamaen.co.jp" TargetMode="External"/><Relationship Id="rId7" Type="http://schemas.openxmlformats.org/officeDocument/2006/relationships/hyperlink" Target="mailto:tamaki_hir@agri-shimane.biz" TargetMode="External"/><Relationship Id="rId12" Type="http://schemas.openxmlformats.org/officeDocument/2006/relationships/hyperlink" Target="mailto:naka-kou@mx.miracle.ne.jp" TargetMode="External"/><Relationship Id="rId17" Type="http://schemas.openxmlformats.org/officeDocument/2006/relationships/printerSettings" Target="../printerSettings/printerSettings2.bin"/><Relationship Id="rId2" Type="http://schemas.openxmlformats.org/officeDocument/2006/relationships/hyperlink" Target="mailto:iris@megumi-llc.jp" TargetMode="External"/><Relationship Id="rId16" Type="http://schemas.openxmlformats.org/officeDocument/2006/relationships/hyperlink" Target="mailto:w-goutsu2@fuga.ocn.ne.jp" TargetMode="External"/><Relationship Id="rId1" Type="http://schemas.openxmlformats.org/officeDocument/2006/relationships/hyperlink" Target="mailto:shishi@iwamicatv.jp" TargetMode="External"/><Relationship Id="rId6" Type="http://schemas.openxmlformats.org/officeDocument/2006/relationships/hyperlink" Target="mailto:cha-cha1@proof.ocn.ne.jp" TargetMode="External"/><Relationship Id="rId11" Type="http://schemas.openxmlformats.org/officeDocument/2006/relationships/hyperlink" Target="mailto:abe@elize-corp.jp" TargetMode="External"/><Relationship Id="rId5" Type="http://schemas.openxmlformats.org/officeDocument/2006/relationships/hyperlink" Target="mailto:daiki.oka@tousuien.jp" TargetMode="External"/><Relationship Id="rId15" Type="http://schemas.openxmlformats.org/officeDocument/2006/relationships/hyperlink" Target="mailto:info@ee-ocha.co.jp" TargetMode="External"/><Relationship Id="rId10" Type="http://schemas.openxmlformats.org/officeDocument/2006/relationships/hyperlink" Target="mailto:abe@elize-corp.jp" TargetMode="External"/><Relationship Id="rId4" Type="http://schemas.openxmlformats.org/officeDocument/2006/relationships/hyperlink" Target="mailto:hmoriyama@moriyamaen.co.jp" TargetMode="External"/><Relationship Id="rId9" Type="http://schemas.openxmlformats.org/officeDocument/2006/relationships/hyperlink" Target="mailto:watanabe_kou@agri-shimane.biz" TargetMode="External"/><Relationship Id="rId14" Type="http://schemas.openxmlformats.org/officeDocument/2006/relationships/hyperlink" Target="mailto:info@kuwakuwa.tv" TargetMode="External"/></Relationships>
</file>

<file path=xl/worksheets/_rels/sheet3.xml.rels><?xml version="1.0" encoding="UTF-8" standalone="yes"?>
<Relationships xmlns="http://schemas.openxmlformats.org/package/2006/relationships"><Relationship Id="rId8" Type="http://schemas.openxmlformats.org/officeDocument/2006/relationships/hyperlink" Target="mailto:sea_life@nifty.com" TargetMode="External"/><Relationship Id="rId13" Type="http://schemas.openxmlformats.org/officeDocument/2006/relationships/hyperlink" Target="mailto:izumoya@ginzan-tv.ne.jp" TargetMode="External"/><Relationship Id="rId3" Type="http://schemas.openxmlformats.org/officeDocument/2006/relationships/hyperlink" Target="mailto:info@syokuhin.jp" TargetMode="External"/><Relationship Id="rId7" Type="http://schemas.openxmlformats.org/officeDocument/2006/relationships/hyperlink" Target="mailto:kaientai@feac-c.com" TargetMode="External"/><Relationship Id="rId12" Type="http://schemas.openxmlformats.org/officeDocument/2006/relationships/hyperlink" Target="mailto:hsmtbr-c@fine.ocn.ne.jp" TargetMode="External"/><Relationship Id="rId2" Type="http://schemas.openxmlformats.org/officeDocument/2006/relationships/hyperlink" Target="mailto:info@syokuhin.jp" TargetMode="External"/><Relationship Id="rId1" Type="http://schemas.openxmlformats.org/officeDocument/2006/relationships/hyperlink" Target="mailto:webmaster@k-chitose.com" TargetMode="External"/><Relationship Id="rId6" Type="http://schemas.openxmlformats.org/officeDocument/2006/relationships/hyperlink" Target="mailto:sijimi@sijimi.com" TargetMode="External"/><Relationship Id="rId11" Type="http://schemas.openxmlformats.org/officeDocument/2006/relationships/hyperlink" Target="mailto:hamasyou-toshi@live.jp" TargetMode="External"/><Relationship Id="rId5" Type="http://schemas.openxmlformats.org/officeDocument/2006/relationships/hyperlink" Target="mailto:tetuya-m@sumie-kk.jp" TargetMode="External"/><Relationship Id="rId10" Type="http://schemas.openxmlformats.org/officeDocument/2006/relationships/hyperlink" Target="mailto:gazan@kn-nakagawa.com" TargetMode="External"/><Relationship Id="rId4" Type="http://schemas.openxmlformats.org/officeDocument/2006/relationships/hyperlink" Target="mailto:tetuya-m@sumie-kk.jp" TargetMode="External"/><Relationship Id="rId9" Type="http://schemas.openxmlformats.org/officeDocument/2006/relationships/hyperlink" Target="mailto:ys@wakashoku.jp" TargetMode="External"/><Relationship Id="rId14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3" Type="http://schemas.openxmlformats.org/officeDocument/2006/relationships/hyperlink" Target="mailto:info@kk-mito.co.jp" TargetMode="External"/><Relationship Id="rId2" Type="http://schemas.openxmlformats.org/officeDocument/2006/relationships/hyperlink" Target="mailto:yasaka@sx.miracle.ne.jp" TargetMode="External"/><Relationship Id="rId1" Type="http://schemas.openxmlformats.org/officeDocument/2006/relationships/hyperlink" Target="mailto:kakizaki@sx.miracle.ne.jp" TargetMode="External"/><Relationship Id="rId4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8" Type="http://schemas.openxmlformats.org/officeDocument/2006/relationships/hyperlink" Target="mailto:milkeiji@gaea.ocn.ne.jp" TargetMode="External"/><Relationship Id="rId3" Type="http://schemas.openxmlformats.org/officeDocument/2006/relationships/hyperlink" Target="mailto:info@kisuki-milk.co.jp" TargetMode="External"/><Relationship Id="rId7" Type="http://schemas.openxmlformats.org/officeDocument/2006/relationships/hyperlink" Target="mailto:kkatube@iwami.or.jp" TargetMode="External"/><Relationship Id="rId2" Type="http://schemas.openxmlformats.org/officeDocument/2006/relationships/hyperlink" Target="mailto:takao-ito@saninkubota.co.jp" TargetMode="External"/><Relationship Id="rId1" Type="http://schemas.openxmlformats.org/officeDocument/2006/relationships/hyperlink" Target="mailto:k-ohtani@kikuyasaka.co.jp" TargetMode="External"/><Relationship Id="rId6" Type="http://schemas.openxmlformats.org/officeDocument/2006/relationships/hyperlink" Target="mailto:beer@shimane-beer.co.jp" TargetMode="External"/><Relationship Id="rId5" Type="http://schemas.openxmlformats.org/officeDocument/2006/relationships/hyperlink" Target="mailto:beer@shimane-beer.co.jp" TargetMode="External"/><Relationship Id="rId10" Type="http://schemas.openxmlformats.org/officeDocument/2006/relationships/printerSettings" Target="../printerSettings/printerSettings5.bin"/><Relationship Id="rId4" Type="http://schemas.openxmlformats.org/officeDocument/2006/relationships/hyperlink" Target="mailto:y-fukuma@fregrance-rose.com" TargetMode="External"/><Relationship Id="rId9" Type="http://schemas.openxmlformats.org/officeDocument/2006/relationships/hyperlink" Target="mailto:info@kk-mito.co.jp" TargetMode="External"/></Relationships>
</file>

<file path=xl/worksheets/_rels/sheet6.xml.rels><?xml version="1.0" encoding="UTF-8" standalone="yes"?>
<Relationships xmlns="http://schemas.openxmlformats.org/package/2006/relationships"><Relationship Id="rId8" Type="http://schemas.openxmlformats.org/officeDocument/2006/relationships/hyperlink" Target="mailto:gorira@room.ocn.ne.jp" TargetMode="External"/><Relationship Id="rId13" Type="http://schemas.openxmlformats.org/officeDocument/2006/relationships/hyperlink" Target="mailto:hamaya-k@aurora.ocn.ne.jp" TargetMode="External"/><Relationship Id="rId18" Type="http://schemas.openxmlformats.org/officeDocument/2006/relationships/hyperlink" Target="mailto:info@heartcook.co.jp" TargetMode="External"/><Relationship Id="rId3" Type="http://schemas.openxmlformats.org/officeDocument/2006/relationships/hyperlink" Target="mailto:torii@oh-net.com" TargetMode="External"/><Relationship Id="rId7" Type="http://schemas.openxmlformats.org/officeDocument/2006/relationships/hyperlink" Target="mailto:harusada@i-yume.ne.jp" TargetMode="External"/><Relationship Id="rId12" Type="http://schemas.openxmlformats.org/officeDocument/2006/relationships/hyperlink" Target="mailto:m-ikebuchi@sanrei-foods.co.jp" TargetMode="External"/><Relationship Id="rId17" Type="http://schemas.openxmlformats.org/officeDocument/2006/relationships/hyperlink" Target="mailto:aozasa@chu-o.jp" TargetMode="External"/><Relationship Id="rId2" Type="http://schemas.openxmlformats.org/officeDocument/2006/relationships/hyperlink" Target="mailto:torii@oh-net.com" TargetMode="External"/><Relationship Id="rId16" Type="http://schemas.openxmlformats.org/officeDocument/2006/relationships/hyperlink" Target="mailto:h.sumi@sumi-q.jp" TargetMode="External"/><Relationship Id="rId20" Type="http://schemas.openxmlformats.org/officeDocument/2006/relationships/printerSettings" Target="../printerSettings/printerSettings6.bin"/><Relationship Id="rId1" Type="http://schemas.openxmlformats.org/officeDocument/2006/relationships/hyperlink" Target="mailto:h.ishida@iwami-foods.co.jp" TargetMode="External"/><Relationship Id="rId6" Type="http://schemas.openxmlformats.org/officeDocument/2006/relationships/hyperlink" Target="mailto:shishi@iwamicatv.jp" TargetMode="External"/><Relationship Id="rId11" Type="http://schemas.openxmlformats.org/officeDocument/2006/relationships/hyperlink" Target="mailto:info@sato-foods.com" TargetMode="External"/><Relationship Id="rId5" Type="http://schemas.openxmlformats.org/officeDocument/2006/relationships/hyperlink" Target="mailto:torii@oh-net.com" TargetMode="External"/><Relationship Id="rId15" Type="http://schemas.openxmlformats.org/officeDocument/2006/relationships/hyperlink" Target="mailto:h.sumi@sumi-q.jp" TargetMode="External"/><Relationship Id="rId10" Type="http://schemas.openxmlformats.org/officeDocument/2006/relationships/hyperlink" Target="mailto:info@sato-foods.com" TargetMode="External"/><Relationship Id="rId19" Type="http://schemas.openxmlformats.org/officeDocument/2006/relationships/hyperlink" Target="mailto:info@heartcook.co.jp" TargetMode="External"/><Relationship Id="rId4" Type="http://schemas.openxmlformats.org/officeDocument/2006/relationships/hyperlink" Target="mailto:torii@oh-net.com" TargetMode="External"/><Relationship Id="rId9" Type="http://schemas.openxmlformats.org/officeDocument/2006/relationships/hyperlink" Target="mailto:info@sato-foods.com" TargetMode="External"/><Relationship Id="rId14" Type="http://schemas.openxmlformats.org/officeDocument/2006/relationships/hyperlink" Target="mailto:chatelain-k@m3.dion.ne.jp" TargetMode="External"/></Relationships>
</file>

<file path=xl/worksheets/_rels/sheet7.xml.rels><?xml version="1.0" encoding="UTF-8" standalone="yes"?>
<Relationships xmlns="http://schemas.openxmlformats.org/package/2006/relationships"><Relationship Id="rId8" Type="http://schemas.openxmlformats.org/officeDocument/2006/relationships/printerSettings" Target="../printerSettings/printerSettings7.bin"/><Relationship Id="rId3" Type="http://schemas.openxmlformats.org/officeDocument/2006/relationships/hyperlink" Target="mailto:kankyo-kanri@kanhokou.or.jp" TargetMode="External"/><Relationship Id="rId7" Type="http://schemas.openxmlformats.org/officeDocument/2006/relationships/hyperlink" Target="mailto:kankyo-kanri@kanhokou.or.jp" TargetMode="External"/><Relationship Id="rId2" Type="http://schemas.openxmlformats.org/officeDocument/2006/relationships/hyperlink" Target="mailto:kensa@feac-c.com" TargetMode="External"/><Relationship Id="rId1" Type="http://schemas.openxmlformats.org/officeDocument/2006/relationships/hyperlink" Target="mailto:kensa@feac-c.com" TargetMode="External"/><Relationship Id="rId6" Type="http://schemas.openxmlformats.org/officeDocument/2006/relationships/hyperlink" Target="mailto:kankyo-kanri@kanhokou.or.jp" TargetMode="External"/><Relationship Id="rId5" Type="http://schemas.openxmlformats.org/officeDocument/2006/relationships/hyperlink" Target="mailto:kankyo-kanri@kanhokou.or.jp" TargetMode="External"/><Relationship Id="rId4" Type="http://schemas.openxmlformats.org/officeDocument/2006/relationships/hyperlink" Target="mailto:kankyo-kanri@kanhokou.or.jp" TargetMode="Externa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FF00"/>
  </sheetPr>
  <dimension ref="C2:H17"/>
  <sheetViews>
    <sheetView tabSelected="1" zoomScaleNormal="100" zoomScaleSheetLayoutView="100" workbookViewId="0">
      <selection activeCell="E8" sqref="E8"/>
    </sheetView>
  </sheetViews>
  <sheetFormatPr defaultRowHeight="13.5" x14ac:dyDescent="0.15"/>
  <cols>
    <col min="1" max="2" width="4.875" customWidth="1"/>
  </cols>
  <sheetData>
    <row r="2" spans="3:8" ht="14.25" thickBot="1" x14ac:dyDescent="0.2"/>
    <row r="3" spans="3:8" ht="30" thickTop="1" thickBot="1" x14ac:dyDescent="0.2">
      <c r="C3" s="50" t="s">
        <v>416</v>
      </c>
      <c r="D3" s="51"/>
      <c r="E3" s="51"/>
      <c r="F3" s="51"/>
      <c r="G3" s="51"/>
      <c r="H3" s="52"/>
    </row>
    <row r="4" spans="3:8" ht="14.25" thickTop="1" x14ac:dyDescent="0.15"/>
    <row r="5" spans="3:8" ht="10.5" customHeight="1" x14ac:dyDescent="0.15">
      <c r="D5" s="30"/>
      <c r="E5" s="31"/>
      <c r="F5" s="31"/>
    </row>
    <row r="6" spans="3:8" ht="28.5" x14ac:dyDescent="0.15">
      <c r="E6" s="32" t="s">
        <v>417</v>
      </c>
      <c r="F6" s="33"/>
    </row>
    <row r="7" spans="3:8" ht="20.25" customHeight="1" x14ac:dyDescent="0.15">
      <c r="E7" s="33"/>
      <c r="F7" s="31"/>
    </row>
    <row r="8" spans="3:8" ht="28.5" x14ac:dyDescent="0.15">
      <c r="E8" s="33" t="s">
        <v>418</v>
      </c>
      <c r="F8" s="34"/>
    </row>
    <row r="9" spans="3:8" ht="20.25" customHeight="1" x14ac:dyDescent="0.15">
      <c r="E9" s="33"/>
      <c r="F9" s="31"/>
    </row>
    <row r="10" spans="3:8" ht="28.5" x14ac:dyDescent="0.15">
      <c r="E10" s="33" t="s">
        <v>419</v>
      </c>
      <c r="F10" s="34"/>
    </row>
    <row r="11" spans="3:8" ht="20.25" customHeight="1" x14ac:dyDescent="0.15">
      <c r="E11" s="33"/>
      <c r="F11" s="31"/>
    </row>
    <row r="12" spans="3:8" ht="28.5" x14ac:dyDescent="0.15">
      <c r="E12" s="33" t="s">
        <v>420</v>
      </c>
      <c r="F12" s="34"/>
    </row>
    <row r="13" spans="3:8" ht="20.25" customHeight="1" x14ac:dyDescent="0.15">
      <c r="E13" s="33"/>
      <c r="F13" s="31"/>
    </row>
    <row r="14" spans="3:8" ht="28.5" x14ac:dyDescent="0.15">
      <c r="E14" s="33" t="s">
        <v>421</v>
      </c>
      <c r="F14" s="34"/>
    </row>
    <row r="15" spans="3:8" ht="20.25" customHeight="1" x14ac:dyDescent="0.15">
      <c r="E15" s="33"/>
      <c r="F15" s="31"/>
    </row>
    <row r="16" spans="3:8" ht="28.5" x14ac:dyDescent="0.15">
      <c r="E16" s="32" t="s">
        <v>422</v>
      </c>
      <c r="F16" s="34"/>
    </row>
    <row r="17" spans="5:6" ht="28.5" x14ac:dyDescent="0.15">
      <c r="E17" s="31"/>
      <c r="F17" s="31"/>
    </row>
  </sheetData>
  <mergeCells count="1">
    <mergeCell ref="C3:H3"/>
  </mergeCells>
  <phoneticPr fontId="1"/>
  <hyperlinks>
    <hyperlink ref="E6" location="農産!Print_Area" display="１．農産"/>
    <hyperlink ref="E8" location="水産!Print_Area" display="２．水産"/>
    <hyperlink ref="E10" location="調味料!Print_Area" display="３．調味料"/>
    <hyperlink ref="E12" location="飲料!Print_Area" display="４．飲料"/>
    <hyperlink ref="E14" location="その他!Print_Area" display="５．その他"/>
    <hyperlink ref="E16" location="検査!Print_Area" display="６．検査"/>
    <hyperlink ref="E6:F6" location="農産!Print_Area" display="１．農産"/>
    <hyperlink ref="E8:F8" location="水産!Print_Area" display="２．水産"/>
    <hyperlink ref="E10:F10" location="調味料!Print_Area" display="３．調味料"/>
    <hyperlink ref="E12:F12" location="飲料!Print_Area" display="４．飲料"/>
    <hyperlink ref="E14:F14" location="その他!Print_Area" display="５．その他"/>
    <hyperlink ref="E16:F16" location="検査!Print_Area" display="６．検査"/>
  </hyperlinks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2"/>
  <sheetViews>
    <sheetView view="pageBreakPreview" zoomScaleNormal="100" zoomScaleSheetLayoutView="100" workbookViewId="0">
      <selection activeCell="B6" sqref="B6"/>
    </sheetView>
  </sheetViews>
  <sheetFormatPr defaultRowHeight="13.5" x14ac:dyDescent="0.15"/>
  <cols>
    <col min="1" max="1" width="30.625" customWidth="1"/>
    <col min="2" max="2" width="60.625" customWidth="1"/>
    <col min="3" max="4" width="12.625" customWidth="1"/>
    <col min="5" max="5" width="10.625" customWidth="1"/>
    <col min="6" max="6" width="8.625" customWidth="1"/>
    <col min="7" max="7" width="30.5" customWidth="1"/>
    <col min="8" max="9" width="12.625" customWidth="1"/>
    <col min="10" max="10" width="30.625" customWidth="1"/>
  </cols>
  <sheetData>
    <row r="1" spans="1:14" ht="30" customHeight="1" x14ac:dyDescent="0.15">
      <c r="A1" s="56" t="s">
        <v>403</v>
      </c>
      <c r="B1" s="56"/>
      <c r="C1" s="56"/>
      <c r="D1" s="56"/>
      <c r="E1" s="56"/>
      <c r="F1" s="56"/>
      <c r="G1" s="56"/>
      <c r="H1" s="56"/>
      <c r="I1" s="56"/>
      <c r="J1" s="56"/>
      <c r="K1" s="1"/>
      <c r="L1" s="1"/>
      <c r="M1" s="1"/>
      <c r="N1" s="1"/>
    </row>
    <row r="2" spans="1:14" ht="30" customHeight="1" x14ac:dyDescent="0.15">
      <c r="A2" s="2"/>
      <c r="B2" s="2"/>
      <c r="C2" s="2"/>
      <c r="D2" s="2"/>
      <c r="E2" s="2"/>
      <c r="F2" s="2"/>
      <c r="G2" s="2"/>
      <c r="H2" s="2"/>
      <c r="I2" s="2"/>
      <c r="J2" s="14" t="s">
        <v>433</v>
      </c>
    </row>
    <row r="3" spans="1:14" ht="30" customHeight="1" x14ac:dyDescent="0.15">
      <c r="A3" s="61" t="s">
        <v>404</v>
      </c>
      <c r="B3" s="61"/>
      <c r="C3" s="61"/>
      <c r="D3" s="61"/>
      <c r="E3" s="61"/>
      <c r="F3" s="61"/>
      <c r="G3" s="61"/>
      <c r="H3" s="61"/>
      <c r="I3" s="61"/>
      <c r="J3" s="61"/>
    </row>
    <row r="4" spans="1:14" ht="30" customHeight="1" x14ac:dyDescent="0.15">
      <c r="A4" s="57" t="s">
        <v>2</v>
      </c>
      <c r="B4" s="57" t="s">
        <v>8</v>
      </c>
      <c r="C4" s="57" t="s">
        <v>0</v>
      </c>
      <c r="D4" s="57" t="s">
        <v>1</v>
      </c>
      <c r="E4" s="57" t="s">
        <v>3</v>
      </c>
      <c r="F4" s="58" t="s">
        <v>4</v>
      </c>
      <c r="G4" s="59"/>
      <c r="H4" s="59"/>
      <c r="I4" s="59"/>
      <c r="J4" s="60"/>
    </row>
    <row r="5" spans="1:14" ht="30" customHeight="1" x14ac:dyDescent="0.15">
      <c r="A5" s="57"/>
      <c r="B5" s="57"/>
      <c r="C5" s="57"/>
      <c r="D5" s="57"/>
      <c r="E5" s="57"/>
      <c r="F5" s="21" t="s">
        <v>205</v>
      </c>
      <c r="G5" s="21" t="s">
        <v>206</v>
      </c>
      <c r="H5" s="21" t="s">
        <v>5</v>
      </c>
      <c r="I5" s="21" t="s">
        <v>6</v>
      </c>
      <c r="J5" s="21" t="s">
        <v>7</v>
      </c>
    </row>
    <row r="6" spans="1:14" ht="30" customHeight="1" x14ac:dyDescent="0.15">
      <c r="A6" s="23" t="s">
        <v>25</v>
      </c>
      <c r="B6" s="4" t="s">
        <v>26</v>
      </c>
      <c r="C6" s="4" t="s">
        <v>9</v>
      </c>
      <c r="D6" s="4" t="s">
        <v>9</v>
      </c>
      <c r="E6" s="4" t="s">
        <v>31</v>
      </c>
      <c r="F6" s="5" t="s">
        <v>238</v>
      </c>
      <c r="G6" s="4" t="s">
        <v>239</v>
      </c>
      <c r="H6" s="3" t="s">
        <v>27</v>
      </c>
      <c r="I6" s="3" t="s">
        <v>27</v>
      </c>
      <c r="J6" s="6" t="s">
        <v>28</v>
      </c>
    </row>
    <row r="7" spans="1:14" ht="30" customHeight="1" x14ac:dyDescent="0.15">
      <c r="A7" s="23" t="s">
        <v>489</v>
      </c>
      <c r="B7" s="4" t="s">
        <v>33</v>
      </c>
      <c r="C7" s="4" t="s">
        <v>34</v>
      </c>
      <c r="D7" s="4" t="s">
        <v>35</v>
      </c>
      <c r="E7" s="4" t="s">
        <v>36</v>
      </c>
      <c r="F7" s="5" t="s">
        <v>259</v>
      </c>
      <c r="G7" s="4" t="s">
        <v>240</v>
      </c>
      <c r="H7" s="3" t="s">
        <v>37</v>
      </c>
      <c r="I7" s="3" t="s">
        <v>38</v>
      </c>
      <c r="J7" s="8" t="s">
        <v>39</v>
      </c>
    </row>
    <row r="8" spans="1:14" ht="30" customHeight="1" x14ac:dyDescent="0.15">
      <c r="A8" s="53" t="s">
        <v>84</v>
      </c>
      <c r="B8" s="4" t="s">
        <v>78</v>
      </c>
      <c r="C8" s="4" t="s">
        <v>79</v>
      </c>
      <c r="D8" s="4" t="s">
        <v>9</v>
      </c>
      <c r="E8" s="4" t="s">
        <v>85</v>
      </c>
      <c r="F8" s="5" t="s">
        <v>231</v>
      </c>
      <c r="G8" s="4" t="s">
        <v>230</v>
      </c>
      <c r="H8" s="3" t="s">
        <v>80</v>
      </c>
      <c r="I8" s="3" t="s">
        <v>81</v>
      </c>
      <c r="J8" s="6" t="s">
        <v>82</v>
      </c>
    </row>
    <row r="9" spans="1:14" ht="30" customHeight="1" x14ac:dyDescent="0.15">
      <c r="A9" s="55"/>
      <c r="B9" s="4" t="s">
        <v>83</v>
      </c>
      <c r="C9" s="4" t="s">
        <v>79</v>
      </c>
      <c r="D9" s="4" t="s">
        <v>9</v>
      </c>
      <c r="E9" s="4" t="s">
        <v>85</v>
      </c>
      <c r="F9" s="5" t="s">
        <v>231</v>
      </c>
      <c r="G9" s="4" t="s">
        <v>230</v>
      </c>
      <c r="H9" s="3" t="s">
        <v>80</v>
      </c>
      <c r="I9" s="3" t="s">
        <v>81</v>
      </c>
      <c r="J9" s="6" t="s">
        <v>82</v>
      </c>
    </row>
    <row r="10" spans="1:14" ht="30" customHeight="1" x14ac:dyDescent="0.15">
      <c r="A10" s="24" t="s">
        <v>97</v>
      </c>
      <c r="B10" s="10" t="s">
        <v>105</v>
      </c>
      <c r="C10" s="10" t="s">
        <v>98</v>
      </c>
      <c r="D10" s="4" t="s">
        <v>114</v>
      </c>
      <c r="E10" s="10" t="s">
        <v>100</v>
      </c>
      <c r="F10" s="5" t="s">
        <v>226</v>
      </c>
      <c r="G10" s="4" t="s">
        <v>225</v>
      </c>
      <c r="H10" s="11" t="s">
        <v>101</v>
      </c>
      <c r="I10" s="11" t="s">
        <v>102</v>
      </c>
      <c r="J10" s="8" t="s">
        <v>103</v>
      </c>
    </row>
    <row r="11" spans="1:14" ht="30" customHeight="1" x14ac:dyDescent="0.15">
      <c r="A11" s="23" t="s">
        <v>145</v>
      </c>
      <c r="B11" s="4" t="s">
        <v>146</v>
      </c>
      <c r="C11" s="4" t="s">
        <v>9</v>
      </c>
      <c r="D11" s="4" t="s">
        <v>9</v>
      </c>
      <c r="E11" s="4" t="s">
        <v>147</v>
      </c>
      <c r="F11" s="5" t="s">
        <v>213</v>
      </c>
      <c r="G11" s="4" t="s">
        <v>218</v>
      </c>
      <c r="H11" s="3" t="s">
        <v>148</v>
      </c>
      <c r="I11" s="3" t="s">
        <v>149</v>
      </c>
      <c r="J11" s="6" t="s">
        <v>150</v>
      </c>
    </row>
    <row r="12" spans="1:14" ht="30" customHeight="1" x14ac:dyDescent="0.15">
      <c r="A12" s="53" t="s">
        <v>162</v>
      </c>
      <c r="B12" s="4" t="s">
        <v>163</v>
      </c>
      <c r="C12" s="4" t="s">
        <v>9</v>
      </c>
      <c r="D12" s="4" t="s">
        <v>9</v>
      </c>
      <c r="E12" s="4" t="s">
        <v>164</v>
      </c>
      <c r="F12" s="5" t="s">
        <v>216</v>
      </c>
      <c r="G12" s="4" t="s">
        <v>209</v>
      </c>
      <c r="H12" s="13" t="s">
        <v>165</v>
      </c>
      <c r="I12" s="13" t="s">
        <v>166</v>
      </c>
      <c r="J12" s="6" t="s">
        <v>167</v>
      </c>
    </row>
    <row r="13" spans="1:14" ht="30" customHeight="1" x14ac:dyDescent="0.15">
      <c r="A13" s="54"/>
      <c r="B13" s="4" t="s">
        <v>168</v>
      </c>
      <c r="C13" s="4" t="s">
        <v>9</v>
      </c>
      <c r="D13" s="4" t="s">
        <v>9</v>
      </c>
      <c r="E13" s="4" t="s">
        <v>169</v>
      </c>
      <c r="F13" s="5" t="s">
        <v>208</v>
      </c>
      <c r="G13" s="4" t="s">
        <v>209</v>
      </c>
      <c r="H13" s="13" t="s">
        <v>165</v>
      </c>
      <c r="I13" s="13" t="s">
        <v>166</v>
      </c>
      <c r="J13" s="6" t="s">
        <v>170</v>
      </c>
    </row>
    <row r="14" spans="1:14" ht="30" customHeight="1" x14ac:dyDescent="0.15">
      <c r="A14" s="55"/>
      <c r="B14" s="4" t="s">
        <v>171</v>
      </c>
      <c r="C14" s="4" t="s">
        <v>9</v>
      </c>
      <c r="D14" s="4" t="s">
        <v>9</v>
      </c>
      <c r="E14" s="4" t="s">
        <v>172</v>
      </c>
      <c r="F14" s="5" t="s">
        <v>208</v>
      </c>
      <c r="G14" s="4" t="s">
        <v>209</v>
      </c>
      <c r="H14" s="13" t="s">
        <v>173</v>
      </c>
      <c r="I14" s="13" t="s">
        <v>174</v>
      </c>
      <c r="J14" s="6" t="s">
        <v>175</v>
      </c>
    </row>
    <row r="15" spans="1:14" ht="30" customHeight="1" x14ac:dyDescent="0.15">
      <c r="A15" s="53" t="s">
        <v>176</v>
      </c>
      <c r="B15" s="4" t="s">
        <v>177</v>
      </c>
      <c r="C15" s="7" t="s">
        <v>410</v>
      </c>
      <c r="D15" s="4" t="s">
        <v>9</v>
      </c>
      <c r="E15" s="4" t="s">
        <v>178</v>
      </c>
      <c r="F15" s="5" t="s">
        <v>214</v>
      </c>
      <c r="G15" s="4" t="s">
        <v>210</v>
      </c>
      <c r="H15" s="13" t="s">
        <v>179</v>
      </c>
      <c r="I15" s="13" t="s">
        <v>180</v>
      </c>
      <c r="J15" s="6" t="s">
        <v>181</v>
      </c>
    </row>
    <row r="16" spans="1:14" ht="30" customHeight="1" x14ac:dyDescent="0.15">
      <c r="A16" s="55"/>
      <c r="B16" s="4" t="s">
        <v>182</v>
      </c>
      <c r="C16" s="4" t="s">
        <v>9</v>
      </c>
      <c r="D16" s="4" t="s">
        <v>9</v>
      </c>
      <c r="E16" s="4" t="s">
        <v>178</v>
      </c>
      <c r="F16" s="5" t="s">
        <v>214</v>
      </c>
      <c r="G16" s="4" t="s">
        <v>210</v>
      </c>
      <c r="H16" s="13" t="s">
        <v>179</v>
      </c>
      <c r="I16" s="13" t="s">
        <v>180</v>
      </c>
      <c r="J16" s="6" t="s">
        <v>181</v>
      </c>
    </row>
    <row r="17" spans="1:10" ht="30" customHeight="1" x14ac:dyDescent="0.15">
      <c r="A17" s="23" t="s">
        <v>183</v>
      </c>
      <c r="B17" s="4" t="s">
        <v>184</v>
      </c>
      <c r="C17" s="4" t="s">
        <v>9</v>
      </c>
      <c r="D17" s="4" t="s">
        <v>185</v>
      </c>
      <c r="E17" s="4" t="s">
        <v>186</v>
      </c>
      <c r="F17" s="5" t="s">
        <v>215</v>
      </c>
      <c r="G17" s="4" t="s">
        <v>207</v>
      </c>
      <c r="H17" s="3" t="s">
        <v>187</v>
      </c>
      <c r="I17" s="3" t="s">
        <v>188</v>
      </c>
      <c r="J17" s="6" t="s">
        <v>344</v>
      </c>
    </row>
    <row r="18" spans="1:10" ht="30" customHeight="1" x14ac:dyDescent="0.15">
      <c r="A18" s="22" t="s">
        <v>364</v>
      </c>
      <c r="B18" s="19" t="s">
        <v>365</v>
      </c>
      <c r="C18" s="18" t="s">
        <v>9</v>
      </c>
      <c r="D18" s="18" t="s">
        <v>9</v>
      </c>
      <c r="E18" s="19" t="s">
        <v>366</v>
      </c>
      <c r="F18" s="19" t="s">
        <v>367</v>
      </c>
      <c r="G18" s="19" t="s">
        <v>368</v>
      </c>
      <c r="H18" s="17" t="s">
        <v>369</v>
      </c>
      <c r="I18" s="17" t="s">
        <v>369</v>
      </c>
      <c r="J18" s="6" t="s">
        <v>401</v>
      </c>
    </row>
    <row r="19" spans="1:10" ht="30" customHeight="1" x14ac:dyDescent="0.15">
      <c r="A19" s="22" t="s">
        <v>378</v>
      </c>
      <c r="B19" s="19" t="s">
        <v>379</v>
      </c>
      <c r="C19" s="18" t="s">
        <v>9</v>
      </c>
      <c r="D19" s="18" t="s">
        <v>9</v>
      </c>
      <c r="E19" s="19" t="s">
        <v>380</v>
      </c>
      <c r="F19" s="19" t="s">
        <v>381</v>
      </c>
      <c r="G19" s="19" t="s">
        <v>382</v>
      </c>
      <c r="H19" s="17" t="s">
        <v>383</v>
      </c>
      <c r="I19" s="17" t="s">
        <v>384</v>
      </c>
      <c r="J19" s="6" t="s">
        <v>402</v>
      </c>
    </row>
    <row r="20" spans="1:10" ht="30" customHeight="1" x14ac:dyDescent="0.15">
      <c r="A20" s="4" t="s">
        <v>423</v>
      </c>
      <c r="B20" s="4" t="s">
        <v>424</v>
      </c>
      <c r="C20" s="35" t="s">
        <v>425</v>
      </c>
      <c r="D20" s="4" t="s">
        <v>426</v>
      </c>
      <c r="E20" s="4" t="s">
        <v>427</v>
      </c>
      <c r="F20" s="19" t="s">
        <v>431</v>
      </c>
      <c r="G20" s="19" t="s">
        <v>432</v>
      </c>
      <c r="H20" s="3" t="s">
        <v>428</v>
      </c>
      <c r="I20" s="3" t="s">
        <v>429</v>
      </c>
      <c r="J20" s="6" t="s">
        <v>430</v>
      </c>
    </row>
    <row r="21" spans="1:10" ht="29.25" customHeight="1" x14ac:dyDescent="0.15">
      <c r="A21" s="23" t="s">
        <v>450</v>
      </c>
      <c r="B21" s="23" t="s">
        <v>480</v>
      </c>
      <c r="C21" s="42" t="s">
        <v>9</v>
      </c>
      <c r="D21" s="23" t="s">
        <v>9</v>
      </c>
      <c r="E21" s="23" t="s">
        <v>451</v>
      </c>
      <c r="F21" s="43" t="s">
        <v>452</v>
      </c>
      <c r="G21" s="23" t="s">
        <v>453</v>
      </c>
      <c r="H21" s="44" t="s">
        <v>454</v>
      </c>
      <c r="I21" s="44" t="s">
        <v>455</v>
      </c>
      <c r="J21" s="40" t="s">
        <v>456</v>
      </c>
    </row>
    <row r="22" spans="1:10" ht="29.25" customHeight="1" x14ac:dyDescent="0.15">
      <c r="A22" s="49" t="s">
        <v>490</v>
      </c>
      <c r="B22" s="37" t="s">
        <v>491</v>
      </c>
      <c r="C22" s="38" t="s">
        <v>9</v>
      </c>
      <c r="D22" s="38" t="s">
        <v>9</v>
      </c>
      <c r="E22" s="37" t="s">
        <v>492</v>
      </c>
      <c r="F22" s="38" t="s">
        <v>493</v>
      </c>
      <c r="G22" s="37" t="s">
        <v>494</v>
      </c>
      <c r="H22" s="39" t="s">
        <v>495</v>
      </c>
      <c r="I22" s="39" t="s">
        <v>496</v>
      </c>
      <c r="J22" s="40" t="s">
        <v>497</v>
      </c>
    </row>
  </sheetData>
  <sheetProtection password="C62A" sheet="1" objects="1"/>
  <mergeCells count="11">
    <mergeCell ref="A12:A14"/>
    <mergeCell ref="A15:A16"/>
    <mergeCell ref="A8:A9"/>
    <mergeCell ref="A1:J1"/>
    <mergeCell ref="A4:A5"/>
    <mergeCell ref="B4:B5"/>
    <mergeCell ref="C4:C5"/>
    <mergeCell ref="D4:D5"/>
    <mergeCell ref="E4:E5"/>
    <mergeCell ref="F4:J4"/>
    <mergeCell ref="A3:J3"/>
  </mergeCells>
  <phoneticPr fontId="1"/>
  <hyperlinks>
    <hyperlink ref="J6" r:id="rId1"/>
    <hyperlink ref="J7" r:id="rId2"/>
    <hyperlink ref="J8" r:id="rId3"/>
    <hyperlink ref="J9" r:id="rId4"/>
    <hyperlink ref="J10" r:id="rId5"/>
    <hyperlink ref="J11" r:id="rId6"/>
    <hyperlink ref="J14" r:id="rId7"/>
    <hyperlink ref="J12" r:id="rId8"/>
    <hyperlink ref="J13" r:id="rId9"/>
    <hyperlink ref="J15" r:id="rId10"/>
    <hyperlink ref="J16" r:id="rId11"/>
    <hyperlink ref="J17" r:id="rId12"/>
    <hyperlink ref="J18" r:id="rId13"/>
    <hyperlink ref="J19" r:id="rId14"/>
    <hyperlink ref="J21" r:id="rId15"/>
    <hyperlink ref="J22" r:id="rId16"/>
  </hyperlinks>
  <printOptions horizontalCentered="1"/>
  <pageMargins left="0.31496062992125984" right="0.31496062992125984" top="0.74803149606299213" bottom="0.74803149606299213" header="0.31496062992125984" footer="0.31496062992125984"/>
  <pageSetup paperSize="9" scale="55" fitToHeight="0" orientation="landscape" r:id="rId17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9"/>
  <sheetViews>
    <sheetView view="pageBreakPreview" zoomScaleNormal="100" zoomScaleSheetLayoutView="100" workbookViewId="0">
      <pane ySplit="5" topLeftCell="A6" activePane="bottomLeft" state="frozen"/>
      <selection pane="bottomLeft" activeCell="B6" sqref="B6"/>
    </sheetView>
  </sheetViews>
  <sheetFormatPr defaultRowHeight="13.5" x14ac:dyDescent="0.15"/>
  <cols>
    <col min="1" max="1" width="30.625" customWidth="1"/>
    <col min="2" max="2" width="60.625" customWidth="1"/>
    <col min="3" max="4" width="12.625" customWidth="1"/>
    <col min="5" max="5" width="10.625" customWidth="1"/>
    <col min="6" max="6" width="8.625" customWidth="1"/>
    <col min="7" max="7" width="30.625" customWidth="1"/>
    <col min="8" max="9" width="12.625" customWidth="1"/>
    <col min="10" max="10" width="30.625" customWidth="1"/>
  </cols>
  <sheetData>
    <row r="1" spans="1:14" ht="30" customHeight="1" x14ac:dyDescent="0.15">
      <c r="A1" s="56" t="s">
        <v>403</v>
      </c>
      <c r="B1" s="56"/>
      <c r="C1" s="56"/>
      <c r="D1" s="56"/>
      <c r="E1" s="56"/>
      <c r="F1" s="56"/>
      <c r="G1" s="56"/>
      <c r="H1" s="56"/>
      <c r="I1" s="56"/>
      <c r="J1" s="56"/>
      <c r="K1" s="1"/>
      <c r="L1" s="1"/>
      <c r="M1" s="1"/>
      <c r="N1" s="1"/>
    </row>
    <row r="2" spans="1:14" ht="30" customHeight="1" x14ac:dyDescent="0.15">
      <c r="A2" s="2"/>
      <c r="B2" s="2"/>
      <c r="C2" s="2"/>
      <c r="D2" s="2"/>
      <c r="E2" s="2"/>
      <c r="F2" s="2"/>
      <c r="G2" s="2"/>
      <c r="H2" s="2"/>
      <c r="I2" s="2"/>
      <c r="J2" s="14" t="str">
        <f>農産!J2</f>
        <v>平成２９年７月●●日時点</v>
      </c>
    </row>
    <row r="3" spans="1:14" ht="30" customHeight="1" x14ac:dyDescent="0.15">
      <c r="A3" s="61" t="s">
        <v>405</v>
      </c>
      <c r="B3" s="61"/>
      <c r="C3" s="61"/>
      <c r="D3" s="61"/>
      <c r="E3" s="61"/>
      <c r="F3" s="61"/>
      <c r="G3" s="61"/>
      <c r="H3" s="61"/>
      <c r="I3" s="61"/>
      <c r="J3" s="61"/>
    </row>
    <row r="4" spans="1:14" ht="30" customHeight="1" x14ac:dyDescent="0.15">
      <c r="A4" s="57" t="s">
        <v>2</v>
      </c>
      <c r="B4" s="57" t="s">
        <v>8</v>
      </c>
      <c r="C4" s="57" t="s">
        <v>0</v>
      </c>
      <c r="D4" s="57" t="s">
        <v>1</v>
      </c>
      <c r="E4" s="57" t="s">
        <v>3</v>
      </c>
      <c r="F4" s="58" t="s">
        <v>4</v>
      </c>
      <c r="G4" s="59"/>
      <c r="H4" s="59"/>
      <c r="I4" s="59"/>
      <c r="J4" s="60"/>
    </row>
    <row r="5" spans="1:14" ht="30" customHeight="1" x14ac:dyDescent="0.15">
      <c r="A5" s="57"/>
      <c r="B5" s="57"/>
      <c r="C5" s="57"/>
      <c r="D5" s="57"/>
      <c r="E5" s="57"/>
      <c r="F5" s="21" t="s">
        <v>205</v>
      </c>
      <c r="G5" s="21" t="s">
        <v>206</v>
      </c>
      <c r="H5" s="21" t="s">
        <v>5</v>
      </c>
      <c r="I5" s="21" t="s">
        <v>6</v>
      </c>
      <c r="J5" s="21" t="s">
        <v>7</v>
      </c>
    </row>
    <row r="6" spans="1:14" ht="30" customHeight="1" x14ac:dyDescent="0.15">
      <c r="A6" s="23" t="s">
        <v>48</v>
      </c>
      <c r="B6" s="4" t="s">
        <v>49</v>
      </c>
      <c r="C6" s="4">
        <v>30</v>
      </c>
      <c r="D6" s="4" t="s">
        <v>50</v>
      </c>
      <c r="E6" s="4" t="s">
        <v>51</v>
      </c>
      <c r="F6" s="5" t="s">
        <v>241</v>
      </c>
      <c r="G6" s="4" t="s">
        <v>242</v>
      </c>
      <c r="H6" s="3" t="s">
        <v>53</v>
      </c>
      <c r="I6" s="3" t="s">
        <v>54</v>
      </c>
      <c r="J6" s="6" t="s">
        <v>52</v>
      </c>
    </row>
    <row r="7" spans="1:14" ht="30" customHeight="1" x14ac:dyDescent="0.15">
      <c r="A7" s="53" t="s">
        <v>55</v>
      </c>
      <c r="B7" s="4" t="s">
        <v>56</v>
      </c>
      <c r="C7" s="4" t="s">
        <v>9</v>
      </c>
      <c r="D7" s="4" t="s">
        <v>9</v>
      </c>
      <c r="E7" s="4" t="s">
        <v>58</v>
      </c>
      <c r="F7" s="5" t="s">
        <v>243</v>
      </c>
      <c r="G7" s="4" t="s">
        <v>244</v>
      </c>
      <c r="H7" s="3" t="s">
        <v>59</v>
      </c>
      <c r="I7" s="3" t="s">
        <v>60</v>
      </c>
      <c r="J7" s="6" t="s">
        <v>61</v>
      </c>
    </row>
    <row r="8" spans="1:14" ht="30" customHeight="1" x14ac:dyDescent="0.15">
      <c r="A8" s="55"/>
      <c r="B8" s="4" t="s">
        <v>57</v>
      </c>
      <c r="C8" s="4" t="s">
        <v>9</v>
      </c>
      <c r="D8" s="4" t="s">
        <v>9</v>
      </c>
      <c r="E8" s="4" t="s">
        <v>58</v>
      </c>
      <c r="F8" s="5" t="s">
        <v>243</v>
      </c>
      <c r="G8" s="4" t="s">
        <v>244</v>
      </c>
      <c r="H8" s="3" t="s">
        <v>59</v>
      </c>
      <c r="I8" s="3" t="s">
        <v>60</v>
      </c>
      <c r="J8" s="6" t="s">
        <v>61</v>
      </c>
    </row>
    <row r="9" spans="1:14" ht="30" customHeight="1" x14ac:dyDescent="0.15">
      <c r="A9" s="53" t="s">
        <v>67</v>
      </c>
      <c r="B9" s="4" t="s">
        <v>68</v>
      </c>
      <c r="C9" s="4" t="s">
        <v>9</v>
      </c>
      <c r="D9" s="4" t="s">
        <v>9</v>
      </c>
      <c r="E9" s="4" t="s">
        <v>69</v>
      </c>
      <c r="F9" s="5" t="s">
        <v>247</v>
      </c>
      <c r="G9" s="4" t="s">
        <v>248</v>
      </c>
      <c r="H9" s="3" t="s">
        <v>70</v>
      </c>
      <c r="I9" s="3" t="s">
        <v>71</v>
      </c>
      <c r="J9" s="6" t="s">
        <v>72</v>
      </c>
    </row>
    <row r="10" spans="1:14" ht="30" customHeight="1" x14ac:dyDescent="0.15">
      <c r="A10" s="55"/>
      <c r="B10" s="4" t="s">
        <v>356</v>
      </c>
      <c r="C10" s="4" t="s">
        <v>9</v>
      </c>
      <c r="D10" s="4" t="s">
        <v>9</v>
      </c>
      <c r="E10" s="4" t="s">
        <v>69</v>
      </c>
      <c r="F10" s="5" t="s">
        <v>247</v>
      </c>
      <c r="G10" s="4" t="s">
        <v>248</v>
      </c>
      <c r="H10" s="3" t="s">
        <v>70</v>
      </c>
      <c r="I10" s="3" t="s">
        <v>71</v>
      </c>
      <c r="J10" s="6" t="s">
        <v>72</v>
      </c>
    </row>
    <row r="11" spans="1:14" ht="30" customHeight="1" x14ac:dyDescent="0.15">
      <c r="A11" s="25" t="s">
        <v>138</v>
      </c>
      <c r="B11" s="4" t="s">
        <v>139</v>
      </c>
      <c r="C11" s="28" t="s">
        <v>411</v>
      </c>
      <c r="D11" s="4" t="s">
        <v>140</v>
      </c>
      <c r="E11" s="9" t="s">
        <v>141</v>
      </c>
      <c r="F11" s="5" t="s">
        <v>253</v>
      </c>
      <c r="G11" s="4" t="s">
        <v>254</v>
      </c>
      <c r="H11" s="3" t="s">
        <v>142</v>
      </c>
      <c r="I11" s="3" t="s">
        <v>143</v>
      </c>
      <c r="J11" s="6" t="s">
        <v>144</v>
      </c>
    </row>
    <row r="12" spans="1:14" ht="30" customHeight="1" x14ac:dyDescent="0.15">
      <c r="A12" s="22" t="s">
        <v>294</v>
      </c>
      <c r="B12" s="19" t="s">
        <v>295</v>
      </c>
      <c r="C12" s="18" t="s">
        <v>296</v>
      </c>
      <c r="D12" s="18" t="s">
        <v>297</v>
      </c>
      <c r="E12" s="19" t="s">
        <v>298</v>
      </c>
      <c r="F12" s="20" t="s">
        <v>299</v>
      </c>
      <c r="G12" s="19" t="s">
        <v>347</v>
      </c>
      <c r="H12" s="17" t="s">
        <v>300</v>
      </c>
      <c r="I12" s="17" t="s">
        <v>301</v>
      </c>
      <c r="J12" s="6" t="s">
        <v>345</v>
      </c>
    </row>
    <row r="13" spans="1:14" ht="30" customHeight="1" x14ac:dyDescent="0.15">
      <c r="A13" s="22" t="s">
        <v>309</v>
      </c>
      <c r="B13" s="19" t="s">
        <v>310</v>
      </c>
      <c r="C13" s="18" t="s">
        <v>9</v>
      </c>
      <c r="D13" s="18" t="s">
        <v>9</v>
      </c>
      <c r="E13" s="19" t="s">
        <v>311</v>
      </c>
      <c r="F13" s="20" t="s">
        <v>299</v>
      </c>
      <c r="G13" s="19" t="s">
        <v>351</v>
      </c>
      <c r="H13" s="17" t="s">
        <v>312</v>
      </c>
      <c r="I13" s="17" t="s">
        <v>313</v>
      </c>
      <c r="J13" s="6" t="s">
        <v>314</v>
      </c>
    </row>
    <row r="14" spans="1:14" ht="30" customHeight="1" x14ac:dyDescent="0.15">
      <c r="A14" s="22" t="s">
        <v>322</v>
      </c>
      <c r="B14" s="19" t="s">
        <v>323</v>
      </c>
      <c r="C14" s="28" t="s">
        <v>411</v>
      </c>
      <c r="D14" s="18" t="s">
        <v>9</v>
      </c>
      <c r="E14" s="19" t="s">
        <v>324</v>
      </c>
      <c r="F14" s="20" t="s">
        <v>325</v>
      </c>
      <c r="G14" s="19" t="s">
        <v>326</v>
      </c>
      <c r="H14" s="17" t="s">
        <v>327</v>
      </c>
      <c r="I14" s="17" t="s">
        <v>328</v>
      </c>
      <c r="J14" s="6" t="s">
        <v>329</v>
      </c>
    </row>
    <row r="15" spans="1:14" ht="30" customHeight="1" x14ac:dyDescent="0.15">
      <c r="A15" s="22" t="s">
        <v>330</v>
      </c>
      <c r="B15" s="19" t="s">
        <v>331</v>
      </c>
      <c r="C15" s="18" t="s">
        <v>9</v>
      </c>
      <c r="D15" s="18" t="s">
        <v>9</v>
      </c>
      <c r="E15" s="19" t="s">
        <v>332</v>
      </c>
      <c r="F15" s="20" t="s">
        <v>333</v>
      </c>
      <c r="G15" s="19" t="s">
        <v>349</v>
      </c>
      <c r="H15" s="17" t="s">
        <v>334</v>
      </c>
      <c r="I15" s="17" t="s">
        <v>335</v>
      </c>
      <c r="J15" s="20" t="s">
        <v>346</v>
      </c>
    </row>
    <row r="16" spans="1:14" ht="30" customHeight="1" x14ac:dyDescent="0.15">
      <c r="A16" s="22" t="s">
        <v>357</v>
      </c>
      <c r="B16" s="19" t="s">
        <v>358</v>
      </c>
      <c r="C16" s="18" t="s">
        <v>9</v>
      </c>
      <c r="D16" s="18" t="s">
        <v>9</v>
      </c>
      <c r="E16" s="19" t="s">
        <v>359</v>
      </c>
      <c r="F16" s="19" t="s">
        <v>299</v>
      </c>
      <c r="G16" s="19" t="s">
        <v>360</v>
      </c>
      <c r="H16" s="17" t="s">
        <v>361</v>
      </c>
      <c r="I16" s="17" t="s">
        <v>362</v>
      </c>
      <c r="J16" s="6" t="s">
        <v>363</v>
      </c>
    </row>
    <row r="17" spans="1:10" ht="30" customHeight="1" x14ac:dyDescent="0.15">
      <c r="A17" s="22" t="s">
        <v>394</v>
      </c>
      <c r="B17" s="19" t="s">
        <v>395</v>
      </c>
      <c r="C17" s="18" t="s">
        <v>9</v>
      </c>
      <c r="D17" s="18" t="s">
        <v>9</v>
      </c>
      <c r="E17" s="19" t="s">
        <v>396</v>
      </c>
      <c r="F17" s="19" t="s">
        <v>299</v>
      </c>
      <c r="G17" s="19" t="s">
        <v>397</v>
      </c>
      <c r="H17" s="17" t="s">
        <v>398</v>
      </c>
      <c r="I17" s="17" t="s">
        <v>399</v>
      </c>
      <c r="J17" s="6" t="s">
        <v>400</v>
      </c>
    </row>
    <row r="18" spans="1:10" ht="30" customHeight="1" x14ac:dyDescent="0.15">
      <c r="A18" s="23" t="s">
        <v>199</v>
      </c>
      <c r="B18" s="4" t="s">
        <v>200</v>
      </c>
      <c r="C18" s="4" t="s">
        <v>9</v>
      </c>
      <c r="D18" s="4" t="s">
        <v>201</v>
      </c>
      <c r="E18" s="4" t="s">
        <v>202</v>
      </c>
      <c r="F18" s="5" t="s">
        <v>257</v>
      </c>
      <c r="G18" s="4" t="s">
        <v>258</v>
      </c>
      <c r="H18" s="13" t="s">
        <v>203</v>
      </c>
      <c r="I18" s="13" t="s">
        <v>194</v>
      </c>
      <c r="J18" s="6" t="s">
        <v>204</v>
      </c>
    </row>
    <row r="19" spans="1:10" ht="32.25" customHeight="1" x14ac:dyDescent="0.15">
      <c r="A19" s="36" t="s">
        <v>434</v>
      </c>
      <c r="B19" s="37" t="s">
        <v>435</v>
      </c>
      <c r="C19" s="45" t="s">
        <v>411</v>
      </c>
      <c r="D19" s="36" t="s">
        <v>9</v>
      </c>
      <c r="E19" s="37" t="s">
        <v>436</v>
      </c>
      <c r="F19" s="38" t="s">
        <v>437</v>
      </c>
      <c r="G19" s="37" t="s">
        <v>438</v>
      </c>
      <c r="H19" s="39" t="s">
        <v>439</v>
      </c>
      <c r="I19" s="39" t="s">
        <v>440</v>
      </c>
      <c r="J19" s="40" t="s">
        <v>441</v>
      </c>
    </row>
  </sheetData>
  <sheetProtection password="C62A" sheet="1" objects="1"/>
  <autoFilter ref="A1:J18">
    <filterColumn colId="0" showButton="0"/>
    <filterColumn colId="1" showButton="0"/>
    <filterColumn colId="2" showButton="0"/>
    <filterColumn colId="3" showButton="0"/>
    <filterColumn colId="4" showButton="0"/>
    <filterColumn colId="5" showButton="0"/>
    <filterColumn colId="6" showButton="0"/>
    <filterColumn colId="7" showButton="0"/>
    <filterColumn colId="8" showButton="0"/>
  </autoFilter>
  <mergeCells count="10">
    <mergeCell ref="A7:A8"/>
    <mergeCell ref="A9:A10"/>
    <mergeCell ref="A1:J1"/>
    <mergeCell ref="A4:A5"/>
    <mergeCell ref="B4:B5"/>
    <mergeCell ref="C4:C5"/>
    <mergeCell ref="D4:D5"/>
    <mergeCell ref="E4:E5"/>
    <mergeCell ref="F4:J4"/>
    <mergeCell ref="A3:J3"/>
  </mergeCells>
  <phoneticPr fontId="1"/>
  <hyperlinks>
    <hyperlink ref="J6" r:id="rId1"/>
    <hyperlink ref="J7" r:id="rId2"/>
    <hyperlink ref="J8" r:id="rId3"/>
    <hyperlink ref="J9" r:id="rId4"/>
    <hyperlink ref="J10" r:id="rId5"/>
    <hyperlink ref="J11" r:id="rId6"/>
    <hyperlink ref="J18" r:id="rId7"/>
    <hyperlink ref="J12" r:id="rId8"/>
    <hyperlink ref="J13" r:id="rId9"/>
    <hyperlink ref="J14" r:id="rId10"/>
    <hyperlink ref="J16" r:id="rId11"/>
    <hyperlink ref="J17" r:id="rId12"/>
    <hyperlink ref="J19" r:id="rId13"/>
  </hyperlinks>
  <printOptions horizontalCentered="1"/>
  <pageMargins left="0.31496062992125984" right="0.31496062992125984" top="0.74803149606299213" bottom="0.74803149606299213" header="0.31496062992125984" footer="0.31496062992125984"/>
  <pageSetup paperSize="9" scale="55" fitToHeight="0" orientation="landscape" r:id="rId14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8"/>
  <sheetViews>
    <sheetView view="pageBreakPreview" zoomScaleNormal="100" zoomScaleSheetLayoutView="100" workbookViewId="0">
      <selection activeCell="B2" sqref="B2"/>
    </sheetView>
  </sheetViews>
  <sheetFormatPr defaultRowHeight="13.5" x14ac:dyDescent="0.15"/>
  <cols>
    <col min="1" max="1" width="30.625" customWidth="1"/>
    <col min="2" max="2" width="60.625" customWidth="1"/>
    <col min="3" max="4" width="12.625" customWidth="1"/>
    <col min="5" max="5" width="10.625" customWidth="1"/>
    <col min="6" max="6" width="8.625" customWidth="1"/>
    <col min="7" max="7" width="30.625" customWidth="1"/>
    <col min="8" max="9" width="12.625" customWidth="1"/>
    <col min="10" max="10" width="30.625" customWidth="1"/>
  </cols>
  <sheetData>
    <row r="1" spans="1:14" ht="30" customHeight="1" x14ac:dyDescent="0.15">
      <c r="A1" s="56" t="s">
        <v>403</v>
      </c>
      <c r="B1" s="56"/>
      <c r="C1" s="56"/>
      <c r="D1" s="56"/>
      <c r="E1" s="56"/>
      <c r="F1" s="56"/>
      <c r="G1" s="56"/>
      <c r="H1" s="56"/>
      <c r="I1" s="56"/>
      <c r="J1" s="56"/>
      <c r="K1" s="1"/>
      <c r="L1" s="1"/>
      <c r="M1" s="1"/>
      <c r="N1" s="1"/>
    </row>
    <row r="2" spans="1:14" ht="30" customHeight="1" x14ac:dyDescent="0.15">
      <c r="A2" s="2"/>
      <c r="B2" s="2"/>
      <c r="C2" s="2"/>
      <c r="D2" s="2"/>
      <c r="E2" s="2"/>
      <c r="F2" s="2"/>
      <c r="G2" s="2"/>
      <c r="H2" s="2"/>
      <c r="I2" s="2"/>
      <c r="J2" s="14" t="str">
        <f>農産!J2</f>
        <v>平成２９年７月●●日時点</v>
      </c>
    </row>
    <row r="3" spans="1:14" ht="30" customHeight="1" x14ac:dyDescent="0.15">
      <c r="A3" s="61" t="s">
        <v>406</v>
      </c>
      <c r="B3" s="61"/>
      <c r="C3" s="61"/>
      <c r="D3" s="61"/>
      <c r="E3" s="61"/>
      <c r="F3" s="61"/>
      <c r="G3" s="61"/>
      <c r="H3" s="61"/>
      <c r="I3" s="61"/>
      <c r="J3" s="61"/>
    </row>
    <row r="4" spans="1:14" ht="30" customHeight="1" x14ac:dyDescent="0.15">
      <c r="A4" s="57" t="s">
        <v>2</v>
      </c>
      <c r="B4" s="57" t="s">
        <v>8</v>
      </c>
      <c r="C4" s="57" t="s">
        <v>0</v>
      </c>
      <c r="D4" s="57" t="s">
        <v>1</v>
      </c>
      <c r="E4" s="57" t="s">
        <v>3</v>
      </c>
      <c r="F4" s="58" t="s">
        <v>4</v>
      </c>
      <c r="G4" s="59"/>
      <c r="H4" s="59"/>
      <c r="I4" s="59"/>
      <c r="J4" s="60"/>
    </row>
    <row r="5" spans="1:14" ht="30" customHeight="1" x14ac:dyDescent="0.15">
      <c r="A5" s="57"/>
      <c r="B5" s="57"/>
      <c r="C5" s="57"/>
      <c r="D5" s="57"/>
      <c r="E5" s="57"/>
      <c r="F5" s="21" t="s">
        <v>205</v>
      </c>
      <c r="G5" s="21" t="s">
        <v>206</v>
      </c>
      <c r="H5" s="21" t="s">
        <v>5</v>
      </c>
      <c r="I5" s="21" t="s">
        <v>6</v>
      </c>
      <c r="J5" s="21" t="s">
        <v>7</v>
      </c>
    </row>
    <row r="6" spans="1:14" ht="30" customHeight="1" x14ac:dyDescent="0.15">
      <c r="A6" s="22" t="s">
        <v>315</v>
      </c>
      <c r="B6" s="19" t="s">
        <v>316</v>
      </c>
      <c r="C6" s="18" t="s">
        <v>9</v>
      </c>
      <c r="D6" s="18" t="s">
        <v>9</v>
      </c>
      <c r="E6" s="19" t="s">
        <v>317</v>
      </c>
      <c r="F6" s="41" t="s">
        <v>318</v>
      </c>
      <c r="G6" s="19" t="s">
        <v>350</v>
      </c>
      <c r="H6" s="17" t="s">
        <v>319</v>
      </c>
      <c r="I6" s="17" t="s">
        <v>320</v>
      </c>
      <c r="J6" s="6" t="s">
        <v>321</v>
      </c>
    </row>
    <row r="7" spans="1:14" ht="30" customHeight="1" x14ac:dyDescent="0.15">
      <c r="A7" s="22" t="s">
        <v>370</v>
      </c>
      <c r="B7" s="19" t="s">
        <v>371</v>
      </c>
      <c r="C7" s="29" t="s">
        <v>412</v>
      </c>
      <c r="D7" s="29" t="s">
        <v>413</v>
      </c>
      <c r="E7" s="19" t="s">
        <v>372</v>
      </c>
      <c r="F7" s="41" t="s">
        <v>373</v>
      </c>
      <c r="G7" s="19" t="s">
        <v>374</v>
      </c>
      <c r="H7" s="17" t="s">
        <v>375</v>
      </c>
      <c r="I7" s="17" t="s">
        <v>376</v>
      </c>
      <c r="J7" s="6" t="s">
        <v>377</v>
      </c>
    </row>
    <row r="8" spans="1:14" ht="27.75" customHeight="1" x14ac:dyDescent="0.15">
      <c r="A8" s="46" t="s">
        <v>457</v>
      </c>
      <c r="B8" s="46" t="s">
        <v>465</v>
      </c>
      <c r="C8" s="46" t="s">
        <v>466</v>
      </c>
      <c r="D8" s="46" t="s">
        <v>466</v>
      </c>
      <c r="E8" s="46" t="s">
        <v>459</v>
      </c>
      <c r="F8" s="47" t="s">
        <v>467</v>
      </c>
      <c r="G8" s="46" t="s">
        <v>461</v>
      </c>
      <c r="H8" s="3" t="s">
        <v>468</v>
      </c>
      <c r="I8" s="3" t="s">
        <v>469</v>
      </c>
      <c r="J8" s="6" t="s">
        <v>470</v>
      </c>
    </row>
  </sheetData>
  <sheetProtection password="C62A" sheet="1" objects="1"/>
  <mergeCells count="8">
    <mergeCell ref="A1:J1"/>
    <mergeCell ref="A4:A5"/>
    <mergeCell ref="B4:B5"/>
    <mergeCell ref="C4:C5"/>
    <mergeCell ref="D4:D5"/>
    <mergeCell ref="E4:E5"/>
    <mergeCell ref="F4:J4"/>
    <mergeCell ref="A3:J3"/>
  </mergeCells>
  <phoneticPr fontId="1"/>
  <hyperlinks>
    <hyperlink ref="J6" r:id="rId1"/>
    <hyperlink ref="J7" r:id="rId2"/>
    <hyperlink ref="J8" r:id="rId3"/>
  </hyperlinks>
  <printOptions horizontalCentered="1"/>
  <pageMargins left="0.31496062992125984" right="0.31496062992125984" top="0.74803149606299213" bottom="0.74803149606299213" header="0.31496062992125984" footer="0.31496062992125984"/>
  <pageSetup paperSize="9" scale="55" fitToHeight="0" orientation="landscape" r:id="rId4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5"/>
  <sheetViews>
    <sheetView view="pageBreakPreview" topLeftCell="A4" zoomScaleNormal="100" zoomScaleSheetLayoutView="100" workbookViewId="0">
      <pane ySplit="2" topLeftCell="A6" activePane="bottomLeft" state="frozen"/>
      <selection activeCell="E2" sqref="E2"/>
      <selection pane="bottomLeft" activeCell="B13" sqref="B13"/>
    </sheetView>
  </sheetViews>
  <sheetFormatPr defaultRowHeight="13.5" x14ac:dyDescent="0.15"/>
  <cols>
    <col min="1" max="1" width="30.625" customWidth="1"/>
    <col min="2" max="2" width="60.625" customWidth="1"/>
    <col min="3" max="4" width="12.625" customWidth="1"/>
    <col min="5" max="5" width="10.625" customWidth="1"/>
    <col min="6" max="6" width="8.625" customWidth="1"/>
    <col min="7" max="7" width="30.625" customWidth="1"/>
    <col min="8" max="9" width="12.625" customWidth="1"/>
    <col min="10" max="10" width="30.625" customWidth="1"/>
  </cols>
  <sheetData>
    <row r="1" spans="1:14" ht="30" customHeight="1" x14ac:dyDescent="0.15">
      <c r="A1" s="56" t="s">
        <v>403</v>
      </c>
      <c r="B1" s="56"/>
      <c r="C1" s="56"/>
      <c r="D1" s="56"/>
      <c r="E1" s="56"/>
      <c r="F1" s="56"/>
      <c r="G1" s="56"/>
      <c r="H1" s="56"/>
      <c r="I1" s="56"/>
      <c r="J1" s="56"/>
      <c r="K1" s="1"/>
      <c r="L1" s="1"/>
      <c r="M1" s="1"/>
      <c r="N1" s="1"/>
    </row>
    <row r="2" spans="1:14" ht="30" customHeight="1" x14ac:dyDescent="0.15">
      <c r="A2" s="2"/>
      <c r="B2" s="2"/>
      <c r="C2" s="2"/>
      <c r="D2" s="2"/>
      <c r="E2" s="2"/>
      <c r="F2" s="2"/>
      <c r="G2" s="2"/>
      <c r="H2" s="2"/>
      <c r="I2" s="2"/>
      <c r="J2" s="14" t="str">
        <f>農産!J2</f>
        <v>平成２９年７月●●日時点</v>
      </c>
    </row>
    <row r="3" spans="1:14" ht="30" customHeight="1" x14ac:dyDescent="0.15">
      <c r="A3" s="61" t="s">
        <v>407</v>
      </c>
      <c r="B3" s="61"/>
      <c r="C3" s="61"/>
      <c r="D3" s="61"/>
      <c r="E3" s="61"/>
      <c r="F3" s="61"/>
      <c r="G3" s="61"/>
      <c r="H3" s="61"/>
      <c r="I3" s="61"/>
      <c r="J3" s="61"/>
    </row>
    <row r="4" spans="1:14" ht="30" customHeight="1" x14ac:dyDescent="0.15">
      <c r="A4" s="57" t="s">
        <v>2</v>
      </c>
      <c r="B4" s="57" t="s">
        <v>8</v>
      </c>
      <c r="C4" s="57" t="s">
        <v>0</v>
      </c>
      <c r="D4" s="57" t="s">
        <v>1</v>
      </c>
      <c r="E4" s="57" t="s">
        <v>3</v>
      </c>
      <c r="F4" s="58" t="s">
        <v>4</v>
      </c>
      <c r="G4" s="59"/>
      <c r="H4" s="59"/>
      <c r="I4" s="59"/>
      <c r="J4" s="60"/>
    </row>
    <row r="5" spans="1:14" ht="30" customHeight="1" x14ac:dyDescent="0.15">
      <c r="A5" s="57"/>
      <c r="B5" s="57"/>
      <c r="C5" s="57"/>
      <c r="D5" s="57"/>
      <c r="E5" s="57"/>
      <c r="F5" s="21" t="s">
        <v>205</v>
      </c>
      <c r="G5" s="21" t="s">
        <v>206</v>
      </c>
      <c r="H5" s="21" t="s">
        <v>5</v>
      </c>
      <c r="I5" s="21" t="s">
        <v>6</v>
      </c>
      <c r="J5" s="21" t="s">
        <v>7</v>
      </c>
    </row>
    <row r="6" spans="1:14" ht="30" customHeight="1" x14ac:dyDescent="0.15">
      <c r="A6" s="23" t="s">
        <v>40</v>
      </c>
      <c r="B6" s="4" t="s">
        <v>41</v>
      </c>
      <c r="C6" s="4" t="s">
        <v>42</v>
      </c>
      <c r="D6" s="4" t="s">
        <v>43</v>
      </c>
      <c r="E6" s="4" t="s">
        <v>47</v>
      </c>
      <c r="F6" s="5" t="s">
        <v>233</v>
      </c>
      <c r="G6" s="4" t="s">
        <v>232</v>
      </c>
      <c r="H6" s="3" t="s">
        <v>44</v>
      </c>
      <c r="I6" s="3" t="s">
        <v>45</v>
      </c>
      <c r="J6" s="6" t="s">
        <v>46</v>
      </c>
    </row>
    <row r="7" spans="1:14" ht="30" customHeight="1" x14ac:dyDescent="0.15">
      <c r="A7" s="23" t="s">
        <v>75</v>
      </c>
      <c r="B7" s="4" t="s">
        <v>73</v>
      </c>
      <c r="C7" s="4" t="s">
        <v>9</v>
      </c>
      <c r="D7" s="4" t="s">
        <v>9</v>
      </c>
      <c r="E7" s="4" t="s">
        <v>77</v>
      </c>
      <c r="F7" s="5" t="s">
        <v>251</v>
      </c>
      <c r="G7" s="4" t="s">
        <v>252</v>
      </c>
      <c r="H7" s="5" t="s">
        <v>76</v>
      </c>
      <c r="I7" s="5" t="s">
        <v>76</v>
      </c>
      <c r="J7" s="6" t="s">
        <v>74</v>
      </c>
    </row>
    <row r="8" spans="1:14" ht="30" customHeight="1" x14ac:dyDescent="0.15">
      <c r="A8" s="23" t="s">
        <v>94</v>
      </c>
      <c r="B8" s="4" t="s">
        <v>95</v>
      </c>
      <c r="C8" s="4" t="s">
        <v>9</v>
      </c>
      <c r="D8" s="4" t="s">
        <v>96</v>
      </c>
      <c r="E8" s="4" t="s">
        <v>91</v>
      </c>
      <c r="F8" s="5" t="s">
        <v>228</v>
      </c>
      <c r="G8" s="4" t="s">
        <v>227</v>
      </c>
      <c r="H8" s="3" t="s">
        <v>92</v>
      </c>
      <c r="I8" s="3" t="s">
        <v>93</v>
      </c>
      <c r="J8" s="6" t="s">
        <v>355</v>
      </c>
    </row>
    <row r="9" spans="1:14" ht="30" customHeight="1" x14ac:dyDescent="0.15">
      <c r="A9" s="23" t="s">
        <v>111</v>
      </c>
      <c r="B9" s="4" t="s">
        <v>106</v>
      </c>
      <c r="C9" s="4" t="s">
        <v>9</v>
      </c>
      <c r="D9" s="4" t="s">
        <v>9</v>
      </c>
      <c r="E9" s="4" t="s">
        <v>281</v>
      </c>
      <c r="F9" s="5" t="s">
        <v>224</v>
      </c>
      <c r="G9" s="4" t="s">
        <v>223</v>
      </c>
      <c r="H9" s="3" t="s">
        <v>107</v>
      </c>
      <c r="I9" s="3" t="s">
        <v>108</v>
      </c>
      <c r="J9" s="6" t="s">
        <v>109</v>
      </c>
      <c r="K9" s="12" t="s">
        <v>110</v>
      </c>
    </row>
    <row r="10" spans="1:14" ht="30" customHeight="1" x14ac:dyDescent="0.15">
      <c r="A10" s="23" t="s">
        <v>124</v>
      </c>
      <c r="B10" s="4" t="s">
        <v>122</v>
      </c>
      <c r="C10" s="4" t="s">
        <v>9</v>
      </c>
      <c r="D10" s="4" t="s">
        <v>9</v>
      </c>
      <c r="E10" s="4" t="s">
        <v>123</v>
      </c>
      <c r="F10" s="5" t="s">
        <v>222</v>
      </c>
      <c r="G10" s="4" t="s">
        <v>221</v>
      </c>
      <c r="H10" s="3" t="s">
        <v>119</v>
      </c>
      <c r="I10" s="3" t="s">
        <v>120</v>
      </c>
      <c r="J10" s="6" t="s">
        <v>121</v>
      </c>
    </row>
    <row r="11" spans="1:14" ht="30" customHeight="1" x14ac:dyDescent="0.15">
      <c r="A11" s="53" t="s">
        <v>151</v>
      </c>
      <c r="B11" s="4" t="s">
        <v>152</v>
      </c>
      <c r="C11" s="7" t="s">
        <v>153</v>
      </c>
      <c r="D11" s="4" t="s">
        <v>154</v>
      </c>
      <c r="E11" s="4" t="s">
        <v>155</v>
      </c>
      <c r="F11" s="5" t="s">
        <v>217</v>
      </c>
      <c r="G11" s="4" t="s">
        <v>212</v>
      </c>
      <c r="H11" s="3" t="s">
        <v>156</v>
      </c>
      <c r="I11" s="3" t="s">
        <v>157</v>
      </c>
      <c r="J11" s="6" t="s">
        <v>158</v>
      </c>
    </row>
    <row r="12" spans="1:14" ht="30" customHeight="1" x14ac:dyDescent="0.15">
      <c r="A12" s="54"/>
      <c r="B12" s="4" t="s">
        <v>159</v>
      </c>
      <c r="C12" s="7" t="s">
        <v>153</v>
      </c>
      <c r="D12" s="4" t="s">
        <v>154</v>
      </c>
      <c r="E12" s="4" t="s">
        <v>155</v>
      </c>
      <c r="F12" s="5" t="s">
        <v>211</v>
      </c>
      <c r="G12" s="4" t="s">
        <v>212</v>
      </c>
      <c r="H12" s="3" t="s">
        <v>156</v>
      </c>
      <c r="I12" s="3" t="s">
        <v>157</v>
      </c>
      <c r="J12" s="6" t="s">
        <v>158</v>
      </c>
    </row>
    <row r="13" spans="1:14" ht="30" customHeight="1" x14ac:dyDescent="0.15">
      <c r="A13" s="55"/>
      <c r="B13" s="4" t="s">
        <v>160</v>
      </c>
      <c r="C13" s="7" t="s">
        <v>414</v>
      </c>
      <c r="D13" s="4" t="s">
        <v>161</v>
      </c>
      <c r="E13" s="4" t="s">
        <v>155</v>
      </c>
      <c r="F13" s="5" t="s">
        <v>211</v>
      </c>
      <c r="G13" s="4" t="s">
        <v>212</v>
      </c>
      <c r="H13" s="3" t="s">
        <v>156</v>
      </c>
      <c r="I13" s="3" t="s">
        <v>157</v>
      </c>
      <c r="J13" s="6" t="s">
        <v>158</v>
      </c>
    </row>
    <row r="14" spans="1:14" ht="29.25" customHeight="1" x14ac:dyDescent="0.15">
      <c r="A14" s="23" t="s">
        <v>442</v>
      </c>
      <c r="B14" s="23" t="s">
        <v>443</v>
      </c>
      <c r="C14" s="42" t="s">
        <v>9</v>
      </c>
      <c r="D14" s="23" t="s">
        <v>9</v>
      </c>
      <c r="E14" s="23" t="s">
        <v>444</v>
      </c>
      <c r="F14" s="43" t="s">
        <v>445</v>
      </c>
      <c r="G14" s="23" t="s">
        <v>446</v>
      </c>
      <c r="H14" s="44" t="s">
        <v>447</v>
      </c>
      <c r="I14" s="44" t="s">
        <v>448</v>
      </c>
      <c r="J14" s="40" t="s">
        <v>449</v>
      </c>
    </row>
    <row r="15" spans="1:14" ht="33.75" customHeight="1" x14ac:dyDescent="0.15">
      <c r="A15" s="23" t="s">
        <v>457</v>
      </c>
      <c r="B15" s="23" t="s">
        <v>458</v>
      </c>
      <c r="C15" s="42" t="s">
        <v>9</v>
      </c>
      <c r="D15" s="23" t="s">
        <v>9</v>
      </c>
      <c r="E15" s="23" t="s">
        <v>459</v>
      </c>
      <c r="F15" s="43" t="s">
        <v>460</v>
      </c>
      <c r="G15" s="23" t="s">
        <v>461</v>
      </c>
      <c r="H15" s="44" t="s">
        <v>462</v>
      </c>
      <c r="I15" s="44" t="s">
        <v>463</v>
      </c>
      <c r="J15" s="40" t="s">
        <v>464</v>
      </c>
    </row>
  </sheetData>
  <sheetProtection password="C62A" sheet="1" objects="1"/>
  <mergeCells count="9">
    <mergeCell ref="A11:A13"/>
    <mergeCell ref="A1:J1"/>
    <mergeCell ref="A4:A5"/>
    <mergeCell ref="B4:B5"/>
    <mergeCell ref="C4:C5"/>
    <mergeCell ref="D4:D5"/>
    <mergeCell ref="E4:E5"/>
    <mergeCell ref="F4:J4"/>
    <mergeCell ref="A3:J3"/>
  </mergeCells>
  <phoneticPr fontId="1"/>
  <hyperlinks>
    <hyperlink ref="J6" r:id="rId1"/>
    <hyperlink ref="J7" r:id="rId2"/>
    <hyperlink ref="J9" r:id="rId3"/>
    <hyperlink ref="J10" r:id="rId4"/>
    <hyperlink ref="J11" r:id="rId5"/>
    <hyperlink ref="J12" r:id="rId6"/>
    <hyperlink ref="J8" r:id="rId7"/>
    <hyperlink ref="J14" r:id="rId8"/>
    <hyperlink ref="J15" r:id="rId9"/>
  </hyperlinks>
  <printOptions horizontalCentered="1"/>
  <pageMargins left="0.31496062992125984" right="0.31496062992125984" top="0.74803149606299213" bottom="0.74803149606299213" header="0.31496062992125984" footer="0.31496062992125984"/>
  <pageSetup paperSize="9" scale="55" fitToHeight="0" orientation="landscape" r:id="rId1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5"/>
  <sheetViews>
    <sheetView view="pageBreakPreview" zoomScaleNormal="100" zoomScaleSheetLayoutView="100" workbookViewId="0">
      <selection sqref="A1:J1"/>
    </sheetView>
  </sheetViews>
  <sheetFormatPr defaultRowHeight="13.5" x14ac:dyDescent="0.15"/>
  <cols>
    <col min="1" max="1" width="30.625" customWidth="1"/>
    <col min="2" max="2" width="60.625" customWidth="1"/>
    <col min="3" max="4" width="12.625" customWidth="1"/>
    <col min="5" max="5" width="10.625" customWidth="1"/>
    <col min="6" max="6" width="8.625" customWidth="1"/>
    <col min="7" max="7" width="30.625" customWidth="1"/>
    <col min="8" max="9" width="12.625" customWidth="1"/>
    <col min="10" max="10" width="30.625" customWidth="1"/>
  </cols>
  <sheetData>
    <row r="1" spans="1:14" ht="30" customHeight="1" x14ac:dyDescent="0.15">
      <c r="A1" s="56" t="s">
        <v>403</v>
      </c>
      <c r="B1" s="56"/>
      <c r="C1" s="56"/>
      <c r="D1" s="56"/>
      <c r="E1" s="56"/>
      <c r="F1" s="56"/>
      <c r="G1" s="56"/>
      <c r="H1" s="56"/>
      <c r="I1" s="56"/>
      <c r="J1" s="56"/>
      <c r="K1" s="1"/>
      <c r="L1" s="1"/>
      <c r="M1" s="1"/>
      <c r="N1" s="1"/>
    </row>
    <row r="2" spans="1:14" ht="30" customHeight="1" x14ac:dyDescent="0.15">
      <c r="A2" s="2"/>
      <c r="B2" s="2"/>
      <c r="C2" s="2"/>
      <c r="D2" s="2"/>
      <c r="E2" s="2"/>
      <c r="F2" s="2"/>
      <c r="G2" s="2"/>
      <c r="H2" s="2"/>
      <c r="I2" s="2"/>
      <c r="J2" s="14" t="str">
        <f>農産!J2</f>
        <v>平成２９年７月●●日時点</v>
      </c>
    </row>
    <row r="3" spans="1:14" ht="30" customHeight="1" x14ac:dyDescent="0.15">
      <c r="A3" s="61" t="s">
        <v>408</v>
      </c>
      <c r="B3" s="61"/>
      <c r="C3" s="61"/>
      <c r="D3" s="61"/>
      <c r="E3" s="61"/>
      <c r="F3" s="61"/>
      <c r="G3" s="61"/>
      <c r="H3" s="61"/>
      <c r="I3" s="61"/>
      <c r="J3" s="61"/>
    </row>
    <row r="4" spans="1:14" ht="30" customHeight="1" x14ac:dyDescent="0.15">
      <c r="A4" s="57" t="s">
        <v>2</v>
      </c>
      <c r="B4" s="57" t="s">
        <v>8</v>
      </c>
      <c r="C4" s="57" t="s">
        <v>0</v>
      </c>
      <c r="D4" s="57" t="s">
        <v>1</v>
      </c>
      <c r="E4" s="57" t="s">
        <v>3</v>
      </c>
      <c r="F4" s="58" t="s">
        <v>4</v>
      </c>
      <c r="G4" s="59"/>
      <c r="H4" s="59"/>
      <c r="I4" s="59"/>
      <c r="J4" s="60"/>
    </row>
    <row r="5" spans="1:14" ht="30" customHeight="1" x14ac:dyDescent="0.15">
      <c r="A5" s="57"/>
      <c r="B5" s="57"/>
      <c r="C5" s="57"/>
      <c r="D5" s="57"/>
      <c r="E5" s="57"/>
      <c r="F5" s="21" t="s">
        <v>205</v>
      </c>
      <c r="G5" s="21" t="s">
        <v>206</v>
      </c>
      <c r="H5" s="21" t="s">
        <v>5</v>
      </c>
      <c r="I5" s="21" t="s">
        <v>6</v>
      </c>
      <c r="J5" s="21" t="s">
        <v>7</v>
      </c>
    </row>
    <row r="6" spans="1:14" ht="30" customHeight="1" x14ac:dyDescent="0.15">
      <c r="A6" s="23" t="s">
        <v>10</v>
      </c>
      <c r="B6" s="4" t="s">
        <v>11</v>
      </c>
      <c r="C6" s="4" t="s">
        <v>9</v>
      </c>
      <c r="D6" s="4" t="s">
        <v>9</v>
      </c>
      <c r="E6" s="4" t="s">
        <v>12</v>
      </c>
      <c r="F6" s="5" t="s">
        <v>236</v>
      </c>
      <c r="G6" s="4" t="s">
        <v>237</v>
      </c>
      <c r="H6" s="3" t="s">
        <v>13</v>
      </c>
      <c r="I6" s="3" t="s">
        <v>14</v>
      </c>
      <c r="J6" s="6" t="s">
        <v>15</v>
      </c>
    </row>
    <row r="7" spans="1:14" ht="30" customHeight="1" x14ac:dyDescent="0.15">
      <c r="A7" s="53" t="s">
        <v>16</v>
      </c>
      <c r="B7" s="4" t="s">
        <v>17</v>
      </c>
      <c r="C7" s="4" t="s">
        <v>9</v>
      </c>
      <c r="D7" s="4" t="s">
        <v>9</v>
      </c>
      <c r="E7" s="4" t="s">
        <v>18</v>
      </c>
      <c r="F7" s="5" t="s">
        <v>235</v>
      </c>
      <c r="G7" s="4" t="s">
        <v>234</v>
      </c>
      <c r="H7" s="3" t="s">
        <v>23</v>
      </c>
      <c r="I7" s="3" t="s">
        <v>24</v>
      </c>
      <c r="J7" s="6" t="s">
        <v>19</v>
      </c>
    </row>
    <row r="8" spans="1:14" ht="30" customHeight="1" x14ac:dyDescent="0.15">
      <c r="A8" s="54"/>
      <c r="B8" s="4" t="s">
        <v>20</v>
      </c>
      <c r="C8" s="4" t="s">
        <v>9</v>
      </c>
      <c r="D8" s="4" t="s">
        <v>9</v>
      </c>
      <c r="E8" s="4" t="s">
        <v>18</v>
      </c>
      <c r="F8" s="5" t="s">
        <v>235</v>
      </c>
      <c r="G8" s="4" t="s">
        <v>234</v>
      </c>
      <c r="H8" s="3" t="s">
        <v>23</v>
      </c>
      <c r="I8" s="3" t="s">
        <v>24</v>
      </c>
      <c r="J8" s="6" t="s">
        <v>19</v>
      </c>
    </row>
    <row r="9" spans="1:14" ht="30" customHeight="1" x14ac:dyDescent="0.15">
      <c r="A9" s="54"/>
      <c r="B9" s="4" t="s">
        <v>21</v>
      </c>
      <c r="C9" s="4" t="s">
        <v>9</v>
      </c>
      <c r="D9" s="4" t="s">
        <v>9</v>
      </c>
      <c r="E9" s="4" t="s">
        <v>18</v>
      </c>
      <c r="F9" s="5" t="s">
        <v>235</v>
      </c>
      <c r="G9" s="4" t="s">
        <v>234</v>
      </c>
      <c r="H9" s="3" t="s">
        <v>23</v>
      </c>
      <c r="I9" s="3" t="s">
        <v>24</v>
      </c>
      <c r="J9" s="6" t="s">
        <v>19</v>
      </c>
    </row>
    <row r="10" spans="1:14" ht="30" customHeight="1" x14ac:dyDescent="0.15">
      <c r="A10" s="55"/>
      <c r="B10" s="4" t="s">
        <v>22</v>
      </c>
      <c r="C10" s="4" t="s">
        <v>9</v>
      </c>
      <c r="D10" s="4" t="s">
        <v>9</v>
      </c>
      <c r="E10" s="4" t="s">
        <v>18</v>
      </c>
      <c r="F10" s="5" t="s">
        <v>235</v>
      </c>
      <c r="G10" s="4" t="s">
        <v>234</v>
      </c>
      <c r="H10" s="3" t="s">
        <v>23</v>
      </c>
      <c r="I10" s="3" t="s">
        <v>24</v>
      </c>
      <c r="J10" s="6" t="s">
        <v>19</v>
      </c>
    </row>
    <row r="11" spans="1:14" ht="30" customHeight="1" x14ac:dyDescent="0.15">
      <c r="A11" s="23" t="s">
        <v>29</v>
      </c>
      <c r="B11" s="4" t="s">
        <v>30</v>
      </c>
      <c r="C11" s="4" t="s">
        <v>9</v>
      </c>
      <c r="D11" s="4" t="s">
        <v>9</v>
      </c>
      <c r="E11" s="4" t="s">
        <v>32</v>
      </c>
      <c r="F11" s="5" t="s">
        <v>238</v>
      </c>
      <c r="G11" s="4" t="s">
        <v>239</v>
      </c>
      <c r="H11" s="3" t="s">
        <v>27</v>
      </c>
      <c r="I11" s="3" t="s">
        <v>27</v>
      </c>
      <c r="J11" s="6" t="s">
        <v>28</v>
      </c>
    </row>
    <row r="12" spans="1:14" ht="30" customHeight="1" x14ac:dyDescent="0.15">
      <c r="A12" s="23" t="s">
        <v>62</v>
      </c>
      <c r="B12" s="4" t="s">
        <v>63</v>
      </c>
      <c r="C12" s="4" t="s">
        <v>9</v>
      </c>
      <c r="D12" s="4" t="s">
        <v>9</v>
      </c>
      <c r="E12" s="4" t="s">
        <v>64</v>
      </c>
      <c r="F12" s="5" t="s">
        <v>245</v>
      </c>
      <c r="G12" s="4" t="s">
        <v>255</v>
      </c>
      <c r="H12" s="3" t="s">
        <v>65</v>
      </c>
      <c r="I12" s="3" t="s">
        <v>65</v>
      </c>
      <c r="J12" s="6" t="s">
        <v>66</v>
      </c>
    </row>
    <row r="13" spans="1:14" ht="30" customHeight="1" x14ac:dyDescent="0.15">
      <c r="A13" s="53" t="s">
        <v>90</v>
      </c>
      <c r="B13" s="4" t="s">
        <v>86</v>
      </c>
      <c r="C13" s="4" t="s">
        <v>9</v>
      </c>
      <c r="D13" s="4" t="s">
        <v>9</v>
      </c>
      <c r="E13" s="9" t="s">
        <v>87</v>
      </c>
      <c r="F13" s="5" t="s">
        <v>229</v>
      </c>
      <c r="G13" s="4" t="s">
        <v>256</v>
      </c>
      <c r="H13" s="3" t="s">
        <v>104</v>
      </c>
      <c r="I13" s="3" t="s">
        <v>88</v>
      </c>
      <c r="J13" s="6" t="s">
        <v>354</v>
      </c>
    </row>
    <row r="14" spans="1:14" ht="30" customHeight="1" x14ac:dyDescent="0.15">
      <c r="A14" s="55"/>
      <c r="B14" s="4" t="s">
        <v>89</v>
      </c>
      <c r="C14" s="4" t="s">
        <v>9</v>
      </c>
      <c r="D14" s="4" t="s">
        <v>9</v>
      </c>
      <c r="E14" s="9" t="s">
        <v>87</v>
      </c>
      <c r="F14" s="5" t="s">
        <v>229</v>
      </c>
      <c r="G14" s="4" t="s">
        <v>256</v>
      </c>
      <c r="H14" s="3" t="s">
        <v>104</v>
      </c>
      <c r="I14" s="3" t="s">
        <v>88</v>
      </c>
      <c r="J14" s="6" t="s">
        <v>354</v>
      </c>
    </row>
    <row r="15" spans="1:14" ht="30" customHeight="1" x14ac:dyDescent="0.15">
      <c r="A15" s="23" t="s">
        <v>118</v>
      </c>
      <c r="B15" s="4" t="s">
        <v>112</v>
      </c>
      <c r="C15" s="4" t="s">
        <v>113</v>
      </c>
      <c r="D15" s="4" t="s">
        <v>114</v>
      </c>
      <c r="E15" s="4" t="s">
        <v>99</v>
      </c>
      <c r="F15" s="5" t="s">
        <v>241</v>
      </c>
      <c r="G15" s="4" t="s">
        <v>246</v>
      </c>
      <c r="H15" s="3" t="s">
        <v>115</v>
      </c>
      <c r="I15" s="3" t="s">
        <v>116</v>
      </c>
      <c r="J15" s="6" t="s">
        <v>117</v>
      </c>
    </row>
    <row r="16" spans="1:14" ht="30" customHeight="1" x14ac:dyDescent="0.15">
      <c r="A16" s="53" t="s">
        <v>128</v>
      </c>
      <c r="B16" s="4" t="s">
        <v>125</v>
      </c>
      <c r="C16" s="4" t="s">
        <v>9</v>
      </c>
      <c r="D16" s="4" t="s">
        <v>9</v>
      </c>
      <c r="E16" s="9" t="s">
        <v>129</v>
      </c>
      <c r="F16" s="5" t="s">
        <v>249</v>
      </c>
      <c r="G16" s="4" t="s">
        <v>250</v>
      </c>
      <c r="H16" s="3" t="s">
        <v>130</v>
      </c>
      <c r="I16" s="3" t="s">
        <v>131</v>
      </c>
      <c r="J16" s="6" t="s">
        <v>353</v>
      </c>
    </row>
    <row r="17" spans="1:10" ht="30" customHeight="1" x14ac:dyDescent="0.15">
      <c r="A17" s="54"/>
      <c r="B17" s="4" t="s">
        <v>126</v>
      </c>
      <c r="C17" s="4" t="s">
        <v>9</v>
      </c>
      <c r="D17" s="4" t="s">
        <v>9</v>
      </c>
      <c r="E17" s="9" t="s">
        <v>129</v>
      </c>
      <c r="F17" s="5" t="s">
        <v>249</v>
      </c>
      <c r="G17" s="4" t="s">
        <v>250</v>
      </c>
      <c r="H17" s="3" t="s">
        <v>130</v>
      </c>
      <c r="I17" s="3" t="s">
        <v>131</v>
      </c>
      <c r="J17" s="6" t="s">
        <v>353</v>
      </c>
    </row>
    <row r="18" spans="1:10" ht="30" customHeight="1" x14ac:dyDescent="0.15">
      <c r="A18" s="55"/>
      <c r="B18" s="4" t="s">
        <v>127</v>
      </c>
      <c r="C18" s="4" t="s">
        <v>9</v>
      </c>
      <c r="D18" s="4" t="s">
        <v>9</v>
      </c>
      <c r="E18" s="9" t="s">
        <v>129</v>
      </c>
      <c r="F18" s="5" t="s">
        <v>249</v>
      </c>
      <c r="G18" s="4" t="s">
        <v>250</v>
      </c>
      <c r="H18" s="3" t="s">
        <v>130</v>
      </c>
      <c r="I18" s="3" t="s">
        <v>131</v>
      </c>
      <c r="J18" s="6" t="s">
        <v>353</v>
      </c>
    </row>
    <row r="19" spans="1:10" ht="30" customHeight="1" x14ac:dyDescent="0.15">
      <c r="A19" s="23" t="s">
        <v>132</v>
      </c>
      <c r="B19" s="4" t="s">
        <v>137</v>
      </c>
      <c r="C19" s="4" t="s">
        <v>9</v>
      </c>
      <c r="D19" s="4" t="s">
        <v>9</v>
      </c>
      <c r="E19" s="4" t="s">
        <v>133</v>
      </c>
      <c r="F19" s="5" t="s">
        <v>220</v>
      </c>
      <c r="G19" s="4" t="s">
        <v>219</v>
      </c>
      <c r="H19" s="3" t="s">
        <v>134</v>
      </c>
      <c r="I19" s="3" t="s">
        <v>135</v>
      </c>
      <c r="J19" s="6" t="s">
        <v>136</v>
      </c>
    </row>
    <row r="20" spans="1:10" ht="30" customHeight="1" x14ac:dyDescent="0.15">
      <c r="A20" s="22" t="s">
        <v>302</v>
      </c>
      <c r="B20" s="19" t="s">
        <v>303</v>
      </c>
      <c r="C20" s="18" t="s">
        <v>9</v>
      </c>
      <c r="D20" s="18" t="s">
        <v>9</v>
      </c>
      <c r="E20" s="19" t="s">
        <v>304</v>
      </c>
      <c r="F20" s="20" t="s">
        <v>305</v>
      </c>
      <c r="G20" s="19" t="s">
        <v>352</v>
      </c>
      <c r="H20" s="17" t="s">
        <v>306</v>
      </c>
      <c r="I20" s="17" t="s">
        <v>307</v>
      </c>
      <c r="J20" s="6" t="s">
        <v>308</v>
      </c>
    </row>
    <row r="21" spans="1:10" ht="30" customHeight="1" x14ac:dyDescent="0.15">
      <c r="A21" s="22" t="s">
        <v>336</v>
      </c>
      <c r="B21" s="19" t="s">
        <v>337</v>
      </c>
      <c r="C21" s="29" t="s">
        <v>338</v>
      </c>
      <c r="D21" s="18" t="s">
        <v>9</v>
      </c>
      <c r="E21" s="19" t="s">
        <v>339</v>
      </c>
      <c r="F21" s="20" t="s">
        <v>340</v>
      </c>
      <c r="G21" s="19" t="s">
        <v>348</v>
      </c>
      <c r="H21" s="17" t="s">
        <v>341</v>
      </c>
      <c r="I21" s="17" t="s">
        <v>342</v>
      </c>
      <c r="J21" s="6" t="s">
        <v>343</v>
      </c>
    </row>
    <row r="22" spans="1:10" ht="30" customHeight="1" x14ac:dyDescent="0.15">
      <c r="A22" s="22" t="s">
        <v>385</v>
      </c>
      <c r="B22" s="19" t="s">
        <v>386</v>
      </c>
      <c r="C22" s="27" t="s">
        <v>387</v>
      </c>
      <c r="D22" s="29" t="s">
        <v>415</v>
      </c>
      <c r="E22" s="19" t="s">
        <v>388</v>
      </c>
      <c r="F22" s="19" t="s">
        <v>389</v>
      </c>
      <c r="G22" s="19" t="s">
        <v>390</v>
      </c>
      <c r="H22" s="17" t="s">
        <v>391</v>
      </c>
      <c r="I22" s="17" t="s">
        <v>392</v>
      </c>
      <c r="J22" s="6" t="s">
        <v>393</v>
      </c>
    </row>
    <row r="23" spans="1:10" ht="29.25" customHeight="1" x14ac:dyDescent="0.15">
      <c r="A23" s="62" t="s">
        <v>471</v>
      </c>
      <c r="B23" s="37" t="s">
        <v>472</v>
      </c>
      <c r="C23" s="38" t="s">
        <v>9</v>
      </c>
      <c r="D23" s="38" t="s">
        <v>9</v>
      </c>
      <c r="E23" s="37" t="s">
        <v>488</v>
      </c>
      <c r="F23" s="38" t="s">
        <v>474</v>
      </c>
      <c r="G23" s="37" t="s">
        <v>475</v>
      </c>
      <c r="H23" s="39" t="s">
        <v>476</v>
      </c>
      <c r="I23" s="39" t="s">
        <v>477</v>
      </c>
      <c r="J23" s="40" t="s">
        <v>478</v>
      </c>
    </row>
    <row r="24" spans="1:10" ht="29.25" customHeight="1" x14ac:dyDescent="0.15">
      <c r="A24" s="62"/>
      <c r="B24" s="37" t="s">
        <v>473</v>
      </c>
      <c r="C24" s="38" t="s">
        <v>9</v>
      </c>
      <c r="D24" s="38" t="s">
        <v>9</v>
      </c>
      <c r="E24" s="37" t="s">
        <v>488</v>
      </c>
      <c r="F24" s="38" t="s">
        <v>474</v>
      </c>
      <c r="G24" s="37" t="s">
        <v>475</v>
      </c>
      <c r="H24" s="39" t="s">
        <v>476</v>
      </c>
      <c r="I24" s="39" t="s">
        <v>477</v>
      </c>
      <c r="J24" s="40" t="s">
        <v>478</v>
      </c>
    </row>
    <row r="25" spans="1:10" ht="29.25" customHeight="1" x14ac:dyDescent="0.15">
      <c r="A25" s="36" t="s">
        <v>479</v>
      </c>
      <c r="B25" s="37" t="s">
        <v>481</v>
      </c>
      <c r="C25" s="38" t="s">
        <v>9</v>
      </c>
      <c r="D25" s="38" t="s">
        <v>9</v>
      </c>
      <c r="E25" s="37" t="s">
        <v>482</v>
      </c>
      <c r="F25" s="38" t="s">
        <v>483</v>
      </c>
      <c r="G25" s="37" t="s">
        <v>484</v>
      </c>
      <c r="H25" s="39" t="s">
        <v>485</v>
      </c>
      <c r="I25" s="39" t="s">
        <v>486</v>
      </c>
      <c r="J25" s="48" t="s">
        <v>487</v>
      </c>
    </row>
  </sheetData>
  <sheetProtection password="C62A" sheet="1" objects="1"/>
  <mergeCells count="12">
    <mergeCell ref="A23:A24"/>
    <mergeCell ref="A7:A10"/>
    <mergeCell ref="A13:A14"/>
    <mergeCell ref="A16:A18"/>
    <mergeCell ref="A1:J1"/>
    <mergeCell ref="A4:A5"/>
    <mergeCell ref="B4:B5"/>
    <mergeCell ref="C4:C5"/>
    <mergeCell ref="D4:D5"/>
    <mergeCell ref="E4:E5"/>
    <mergeCell ref="F4:J4"/>
    <mergeCell ref="A3:J3"/>
  </mergeCells>
  <phoneticPr fontId="1"/>
  <hyperlinks>
    <hyperlink ref="J6" r:id="rId1"/>
    <hyperlink ref="J7" r:id="rId2"/>
    <hyperlink ref="J8" r:id="rId3"/>
    <hyperlink ref="J9" r:id="rId4"/>
    <hyperlink ref="J10" r:id="rId5"/>
    <hyperlink ref="J11" r:id="rId6"/>
    <hyperlink ref="J12" r:id="rId7"/>
    <hyperlink ref="J15" r:id="rId8"/>
    <hyperlink ref="J16" r:id="rId9"/>
    <hyperlink ref="J17" r:id="rId10"/>
    <hyperlink ref="J18" r:id="rId11"/>
    <hyperlink ref="J19" r:id="rId12"/>
    <hyperlink ref="J20" r:id="rId13"/>
    <hyperlink ref="J21" r:id="rId14"/>
    <hyperlink ref="J13" r:id="rId15"/>
    <hyperlink ref="J14" r:id="rId16"/>
    <hyperlink ref="J22" r:id="rId17"/>
    <hyperlink ref="J23" r:id="rId18"/>
    <hyperlink ref="J24" r:id="rId19"/>
  </hyperlinks>
  <printOptions horizontalCentered="1"/>
  <pageMargins left="0.31496062992125984" right="0.31496062992125984" top="0.74803149606299213" bottom="0.74803149606299213" header="0.31496062992125984" footer="0.31496062992125984"/>
  <pageSetup paperSize="9" scale="55" fitToHeight="0" orientation="landscape" r:id="rId2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2"/>
  <sheetViews>
    <sheetView view="pageBreakPreview" zoomScaleNormal="100" zoomScaleSheetLayoutView="100" workbookViewId="0">
      <selection activeCell="B2" sqref="B2"/>
    </sheetView>
  </sheetViews>
  <sheetFormatPr defaultRowHeight="13.5" x14ac:dyDescent="0.15"/>
  <cols>
    <col min="1" max="1" width="30.625" customWidth="1"/>
    <col min="2" max="2" width="60.625" customWidth="1"/>
    <col min="3" max="4" width="12.625" customWidth="1"/>
    <col min="5" max="5" width="10.625" customWidth="1"/>
    <col min="6" max="6" width="8.625" customWidth="1"/>
    <col min="7" max="7" width="30.625" customWidth="1"/>
    <col min="8" max="9" width="12.625" customWidth="1"/>
    <col min="10" max="10" width="30.625" customWidth="1"/>
  </cols>
  <sheetData>
    <row r="1" spans="1:14" ht="30" customHeight="1" x14ac:dyDescent="0.15">
      <c r="A1" s="56" t="s">
        <v>403</v>
      </c>
      <c r="B1" s="56"/>
      <c r="C1" s="56"/>
      <c r="D1" s="56"/>
      <c r="E1" s="56"/>
      <c r="F1" s="56"/>
      <c r="G1" s="56"/>
      <c r="H1" s="56"/>
      <c r="I1" s="56"/>
      <c r="J1" s="56"/>
      <c r="K1" s="1"/>
      <c r="L1" s="1"/>
      <c r="M1" s="1"/>
      <c r="N1" s="1"/>
    </row>
    <row r="2" spans="1:14" ht="30" customHeight="1" x14ac:dyDescent="0.15">
      <c r="A2" s="2"/>
      <c r="B2" s="2"/>
      <c r="C2" s="2"/>
      <c r="D2" s="2"/>
      <c r="E2" s="2"/>
      <c r="F2" s="2"/>
      <c r="G2" s="2"/>
      <c r="H2" s="2"/>
      <c r="I2" s="2"/>
      <c r="J2" s="14" t="str">
        <f>農産!J2</f>
        <v>平成２９年７月●●日時点</v>
      </c>
    </row>
    <row r="3" spans="1:14" ht="30" customHeight="1" x14ac:dyDescent="0.15">
      <c r="A3" s="61" t="s">
        <v>409</v>
      </c>
      <c r="B3" s="61"/>
      <c r="C3" s="61"/>
      <c r="D3" s="61"/>
      <c r="E3" s="61"/>
      <c r="F3" s="61"/>
      <c r="G3" s="61"/>
      <c r="H3" s="61"/>
      <c r="I3" s="61"/>
      <c r="J3" s="61"/>
    </row>
    <row r="4" spans="1:14" ht="30" customHeight="1" x14ac:dyDescent="0.15">
      <c r="A4" s="57" t="s">
        <v>2</v>
      </c>
      <c r="B4" s="57" t="s">
        <v>8</v>
      </c>
      <c r="C4" s="57" t="s">
        <v>0</v>
      </c>
      <c r="D4" s="57" t="s">
        <v>1</v>
      </c>
      <c r="E4" s="57" t="s">
        <v>3</v>
      </c>
      <c r="F4" s="58" t="s">
        <v>4</v>
      </c>
      <c r="G4" s="59"/>
      <c r="H4" s="59"/>
      <c r="I4" s="59"/>
      <c r="J4" s="60"/>
    </row>
    <row r="5" spans="1:14" ht="30" customHeight="1" x14ac:dyDescent="0.15">
      <c r="A5" s="57"/>
      <c r="B5" s="57"/>
      <c r="C5" s="57"/>
      <c r="D5" s="57"/>
      <c r="E5" s="57"/>
      <c r="F5" s="21" t="s">
        <v>205</v>
      </c>
      <c r="G5" s="21" t="s">
        <v>206</v>
      </c>
      <c r="H5" s="21" t="s">
        <v>5</v>
      </c>
      <c r="I5" s="21" t="s">
        <v>6</v>
      </c>
      <c r="J5" s="21" t="s">
        <v>7</v>
      </c>
    </row>
    <row r="6" spans="1:14" ht="30" customHeight="1" x14ac:dyDescent="0.15">
      <c r="A6" s="53" t="s">
        <v>189</v>
      </c>
      <c r="B6" s="4" t="s">
        <v>190</v>
      </c>
      <c r="C6" s="4" t="s">
        <v>9</v>
      </c>
      <c r="D6" s="4" t="s">
        <v>191</v>
      </c>
      <c r="E6" s="4" t="s">
        <v>192</v>
      </c>
      <c r="F6" s="5" t="s">
        <v>257</v>
      </c>
      <c r="G6" s="4" t="s">
        <v>258</v>
      </c>
      <c r="H6" s="13" t="s">
        <v>193</v>
      </c>
      <c r="I6" s="13" t="s">
        <v>194</v>
      </c>
      <c r="J6" s="6" t="s">
        <v>195</v>
      </c>
    </row>
    <row r="7" spans="1:14" ht="30" customHeight="1" x14ac:dyDescent="0.15">
      <c r="A7" s="55"/>
      <c r="B7" s="4" t="s">
        <v>196</v>
      </c>
      <c r="C7" s="4" t="s">
        <v>9</v>
      </c>
      <c r="D7" s="4" t="s">
        <v>198</v>
      </c>
      <c r="E7" s="4" t="s">
        <v>197</v>
      </c>
      <c r="F7" s="5" t="s">
        <v>257</v>
      </c>
      <c r="G7" s="4" t="s">
        <v>258</v>
      </c>
      <c r="H7" s="13" t="s">
        <v>193</v>
      </c>
      <c r="I7" s="13" t="s">
        <v>194</v>
      </c>
      <c r="J7" s="6" t="s">
        <v>195</v>
      </c>
    </row>
    <row r="8" spans="1:14" ht="30" customHeight="1" x14ac:dyDescent="0.15">
      <c r="A8" s="53" t="s">
        <v>260</v>
      </c>
      <c r="B8" s="4" t="s">
        <v>261</v>
      </c>
      <c r="C8" s="15" t="s">
        <v>262</v>
      </c>
      <c r="D8" s="4" t="s">
        <v>263</v>
      </c>
      <c r="E8" s="4" t="s">
        <v>264</v>
      </c>
      <c r="F8" s="13" t="s">
        <v>279</v>
      </c>
      <c r="G8" s="26" t="s">
        <v>280</v>
      </c>
      <c r="H8" s="13" t="s">
        <v>265</v>
      </c>
      <c r="I8" s="13" t="s">
        <v>266</v>
      </c>
      <c r="J8" s="6" t="s">
        <v>267</v>
      </c>
    </row>
    <row r="9" spans="1:14" ht="30" customHeight="1" x14ac:dyDescent="0.15">
      <c r="A9" s="54"/>
      <c r="B9" s="4" t="s">
        <v>268</v>
      </c>
      <c r="C9" s="15" t="s">
        <v>262</v>
      </c>
      <c r="D9" s="4" t="s">
        <v>9</v>
      </c>
      <c r="E9" s="4" t="s">
        <v>264</v>
      </c>
      <c r="F9" s="13" t="s">
        <v>279</v>
      </c>
      <c r="G9" s="26" t="s">
        <v>280</v>
      </c>
      <c r="H9" s="13" t="s">
        <v>265</v>
      </c>
      <c r="I9" s="13" t="s">
        <v>266</v>
      </c>
      <c r="J9" s="6" t="s">
        <v>267</v>
      </c>
    </row>
    <row r="10" spans="1:14" ht="30" customHeight="1" x14ac:dyDescent="0.15">
      <c r="A10" s="54"/>
      <c r="B10" s="4" t="s">
        <v>269</v>
      </c>
      <c r="C10" s="15" t="s">
        <v>262</v>
      </c>
      <c r="D10" s="4" t="s">
        <v>9</v>
      </c>
      <c r="E10" s="4" t="s">
        <v>264</v>
      </c>
      <c r="F10" s="13" t="s">
        <v>279</v>
      </c>
      <c r="G10" s="26" t="s">
        <v>280</v>
      </c>
      <c r="H10" s="13" t="s">
        <v>265</v>
      </c>
      <c r="I10" s="13" t="s">
        <v>266</v>
      </c>
      <c r="J10" s="6" t="s">
        <v>267</v>
      </c>
    </row>
    <row r="11" spans="1:14" ht="30" customHeight="1" x14ac:dyDescent="0.15">
      <c r="A11" s="54"/>
      <c r="B11" s="4" t="s">
        <v>270</v>
      </c>
      <c r="C11" s="15" t="s">
        <v>262</v>
      </c>
      <c r="D11" s="4" t="s">
        <v>9</v>
      </c>
      <c r="E11" s="4" t="s">
        <v>264</v>
      </c>
      <c r="F11" s="13" t="s">
        <v>279</v>
      </c>
      <c r="G11" s="26" t="s">
        <v>280</v>
      </c>
      <c r="H11" s="13" t="s">
        <v>265</v>
      </c>
      <c r="I11" s="13" t="s">
        <v>266</v>
      </c>
      <c r="J11" s="6" t="s">
        <v>267</v>
      </c>
    </row>
    <row r="12" spans="1:14" ht="30" customHeight="1" x14ac:dyDescent="0.15">
      <c r="A12" s="54"/>
      <c r="B12" s="4" t="s">
        <v>271</v>
      </c>
      <c r="C12" s="15" t="s">
        <v>262</v>
      </c>
      <c r="D12" s="4" t="s">
        <v>9</v>
      </c>
      <c r="E12" s="4" t="s">
        <v>264</v>
      </c>
      <c r="F12" s="13" t="s">
        <v>279</v>
      </c>
      <c r="G12" s="26" t="s">
        <v>280</v>
      </c>
      <c r="H12" s="13" t="s">
        <v>265</v>
      </c>
      <c r="I12" s="13" t="s">
        <v>266</v>
      </c>
      <c r="J12" s="6" t="s">
        <v>267</v>
      </c>
    </row>
    <row r="13" spans="1:14" ht="30" customHeight="1" x14ac:dyDescent="0.15">
      <c r="A13" s="54"/>
      <c r="B13" s="4" t="s">
        <v>272</v>
      </c>
      <c r="C13" s="15" t="s">
        <v>262</v>
      </c>
      <c r="D13" s="4" t="s">
        <v>9</v>
      </c>
      <c r="E13" s="4" t="s">
        <v>264</v>
      </c>
      <c r="F13" s="13" t="s">
        <v>279</v>
      </c>
      <c r="G13" s="26" t="s">
        <v>280</v>
      </c>
      <c r="H13" s="13" t="s">
        <v>265</v>
      </c>
      <c r="I13" s="13" t="s">
        <v>266</v>
      </c>
      <c r="J13" s="6" t="s">
        <v>267</v>
      </c>
    </row>
    <row r="14" spans="1:14" ht="30" customHeight="1" x14ac:dyDescent="0.15">
      <c r="A14" s="54"/>
      <c r="B14" s="4" t="s">
        <v>273</v>
      </c>
      <c r="C14" s="15" t="s">
        <v>262</v>
      </c>
      <c r="D14" s="4" t="s">
        <v>9</v>
      </c>
      <c r="E14" s="4" t="s">
        <v>264</v>
      </c>
      <c r="F14" s="13" t="s">
        <v>279</v>
      </c>
      <c r="G14" s="26" t="s">
        <v>280</v>
      </c>
      <c r="H14" s="13" t="s">
        <v>265</v>
      </c>
      <c r="I14" s="13" t="s">
        <v>266</v>
      </c>
      <c r="J14" s="6" t="s">
        <v>267</v>
      </c>
    </row>
    <row r="15" spans="1:14" ht="30" customHeight="1" x14ac:dyDescent="0.15">
      <c r="A15" s="54"/>
      <c r="B15" s="4" t="s">
        <v>274</v>
      </c>
      <c r="C15" s="15" t="s">
        <v>262</v>
      </c>
      <c r="D15" s="4" t="s">
        <v>9</v>
      </c>
      <c r="E15" s="4" t="s">
        <v>264</v>
      </c>
      <c r="F15" s="13" t="s">
        <v>279</v>
      </c>
      <c r="G15" s="26" t="s">
        <v>280</v>
      </c>
      <c r="H15" s="13" t="s">
        <v>265</v>
      </c>
      <c r="I15" s="13" t="s">
        <v>266</v>
      </c>
      <c r="J15" s="6" t="s">
        <v>267</v>
      </c>
    </row>
    <row r="16" spans="1:14" ht="30" customHeight="1" x14ac:dyDescent="0.15">
      <c r="A16" s="54"/>
      <c r="B16" s="4" t="s">
        <v>275</v>
      </c>
      <c r="C16" s="15" t="s">
        <v>262</v>
      </c>
      <c r="D16" s="4" t="s">
        <v>9</v>
      </c>
      <c r="E16" s="4" t="s">
        <v>264</v>
      </c>
      <c r="F16" s="13" t="s">
        <v>279</v>
      </c>
      <c r="G16" s="26" t="s">
        <v>280</v>
      </c>
      <c r="H16" s="13" t="s">
        <v>265</v>
      </c>
      <c r="I16" s="13" t="s">
        <v>266</v>
      </c>
      <c r="J16" s="6" t="s">
        <v>267</v>
      </c>
    </row>
    <row r="17" spans="1:10" ht="30" customHeight="1" x14ac:dyDescent="0.15">
      <c r="A17" s="55"/>
      <c r="B17" s="4" t="s">
        <v>276</v>
      </c>
      <c r="C17" s="15" t="s">
        <v>277</v>
      </c>
      <c r="D17" s="4" t="s">
        <v>278</v>
      </c>
      <c r="E17" s="4" t="s">
        <v>264</v>
      </c>
      <c r="F17" s="13" t="s">
        <v>279</v>
      </c>
      <c r="G17" s="26" t="s">
        <v>280</v>
      </c>
      <c r="H17" s="13" t="s">
        <v>265</v>
      </c>
      <c r="I17" s="13" t="s">
        <v>266</v>
      </c>
      <c r="J17" s="6" t="s">
        <v>267</v>
      </c>
    </row>
    <row r="18" spans="1:10" ht="30" customHeight="1" x14ac:dyDescent="0.15">
      <c r="A18" s="63" t="s">
        <v>284</v>
      </c>
      <c r="B18" s="16" t="s">
        <v>285</v>
      </c>
      <c r="C18" s="4" t="s">
        <v>9</v>
      </c>
      <c r="D18" s="4" t="s">
        <v>9</v>
      </c>
      <c r="E18" s="4" t="s">
        <v>293</v>
      </c>
      <c r="F18" s="13" t="s">
        <v>291</v>
      </c>
      <c r="G18" s="26" t="s">
        <v>292</v>
      </c>
      <c r="H18" s="17" t="s">
        <v>282</v>
      </c>
      <c r="I18" s="17" t="s">
        <v>283</v>
      </c>
      <c r="J18" s="6" t="s">
        <v>290</v>
      </c>
    </row>
    <row r="19" spans="1:10" ht="30" customHeight="1" x14ac:dyDescent="0.15">
      <c r="A19" s="64"/>
      <c r="B19" s="16" t="s">
        <v>286</v>
      </c>
      <c r="C19" s="4" t="s">
        <v>9</v>
      </c>
      <c r="D19" s="4" t="s">
        <v>9</v>
      </c>
      <c r="E19" s="4" t="s">
        <v>293</v>
      </c>
      <c r="F19" s="13" t="s">
        <v>291</v>
      </c>
      <c r="G19" s="26" t="s">
        <v>292</v>
      </c>
      <c r="H19" s="17" t="s">
        <v>282</v>
      </c>
      <c r="I19" s="17" t="s">
        <v>283</v>
      </c>
      <c r="J19" s="6" t="s">
        <v>290</v>
      </c>
    </row>
    <row r="20" spans="1:10" ht="30" customHeight="1" x14ac:dyDescent="0.15">
      <c r="A20" s="64"/>
      <c r="B20" s="16" t="s">
        <v>287</v>
      </c>
      <c r="C20" s="4" t="s">
        <v>9</v>
      </c>
      <c r="D20" s="4" t="s">
        <v>9</v>
      </c>
      <c r="E20" s="4" t="s">
        <v>293</v>
      </c>
      <c r="F20" s="13" t="s">
        <v>291</v>
      </c>
      <c r="G20" s="26" t="s">
        <v>292</v>
      </c>
      <c r="H20" s="17" t="s">
        <v>282</v>
      </c>
      <c r="I20" s="17" t="s">
        <v>283</v>
      </c>
      <c r="J20" s="6" t="s">
        <v>290</v>
      </c>
    </row>
    <row r="21" spans="1:10" ht="30" customHeight="1" x14ac:dyDescent="0.15">
      <c r="A21" s="64"/>
      <c r="B21" s="16" t="s">
        <v>288</v>
      </c>
      <c r="C21" s="4" t="s">
        <v>9</v>
      </c>
      <c r="D21" s="4" t="s">
        <v>9</v>
      </c>
      <c r="E21" s="4" t="s">
        <v>293</v>
      </c>
      <c r="F21" s="13" t="s">
        <v>291</v>
      </c>
      <c r="G21" s="26" t="s">
        <v>292</v>
      </c>
      <c r="H21" s="17" t="s">
        <v>282</v>
      </c>
      <c r="I21" s="17" t="s">
        <v>283</v>
      </c>
      <c r="J21" s="6" t="s">
        <v>290</v>
      </c>
    </row>
    <row r="22" spans="1:10" ht="30" customHeight="1" x14ac:dyDescent="0.15">
      <c r="A22" s="65"/>
      <c r="B22" s="16" t="s">
        <v>289</v>
      </c>
      <c r="C22" s="4" t="s">
        <v>9</v>
      </c>
      <c r="D22" s="4" t="s">
        <v>9</v>
      </c>
      <c r="E22" s="4" t="s">
        <v>293</v>
      </c>
      <c r="F22" s="13" t="s">
        <v>291</v>
      </c>
      <c r="G22" s="26" t="s">
        <v>292</v>
      </c>
      <c r="H22" s="17" t="s">
        <v>282</v>
      </c>
      <c r="I22" s="17" t="s">
        <v>283</v>
      </c>
      <c r="J22" s="6" t="s">
        <v>290</v>
      </c>
    </row>
  </sheetData>
  <sheetProtection password="C62A" sheet="1" objects="1"/>
  <mergeCells count="11">
    <mergeCell ref="A6:A7"/>
    <mergeCell ref="A8:A17"/>
    <mergeCell ref="A18:A22"/>
    <mergeCell ref="A1:J1"/>
    <mergeCell ref="A4:A5"/>
    <mergeCell ref="B4:B5"/>
    <mergeCell ref="C4:C5"/>
    <mergeCell ref="D4:D5"/>
    <mergeCell ref="E4:E5"/>
    <mergeCell ref="F4:J4"/>
    <mergeCell ref="A3:J3"/>
  </mergeCells>
  <phoneticPr fontId="1"/>
  <hyperlinks>
    <hyperlink ref="J6" r:id="rId1"/>
    <hyperlink ref="J7" r:id="rId2"/>
    <hyperlink ref="J22" r:id="rId3"/>
    <hyperlink ref="J18" r:id="rId4"/>
    <hyperlink ref="J19" r:id="rId5"/>
    <hyperlink ref="J20" r:id="rId6"/>
    <hyperlink ref="J21" r:id="rId7"/>
  </hyperlinks>
  <printOptions horizontalCentered="1"/>
  <pageMargins left="0.31496062992125984" right="0.31496062992125984" top="0.74803149606299213" bottom="0.74803149606299213" header="0.31496062992125984" footer="0.31496062992125984"/>
  <pageSetup paperSize="9" scale="55" fitToHeight="0" orientation="landscape" r:id="rId8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7</vt:i4>
      </vt:variant>
      <vt:variant>
        <vt:lpstr>名前付き一覧</vt:lpstr>
      </vt:variant>
      <vt:variant>
        <vt:i4>12</vt:i4>
      </vt:variant>
    </vt:vector>
  </HeadingPairs>
  <TitlesOfParts>
    <vt:vector size="19" baseType="lpstr">
      <vt:lpstr>目次</vt:lpstr>
      <vt:lpstr>農産</vt:lpstr>
      <vt:lpstr>水産</vt:lpstr>
      <vt:lpstr>調味料</vt:lpstr>
      <vt:lpstr>飲料</vt:lpstr>
      <vt:lpstr>その他</vt:lpstr>
      <vt:lpstr>検査</vt:lpstr>
      <vt:lpstr>その他!Print_Area</vt:lpstr>
      <vt:lpstr>飲料!Print_Area</vt:lpstr>
      <vt:lpstr>検査!Print_Area</vt:lpstr>
      <vt:lpstr>水産!Print_Area</vt:lpstr>
      <vt:lpstr>調味料!Print_Area</vt:lpstr>
      <vt:lpstr>農産!Print_Area</vt:lpstr>
      <vt:lpstr>その他!Print_Titles</vt:lpstr>
      <vt:lpstr>飲料!Print_Titles</vt:lpstr>
      <vt:lpstr>検査!Print_Titles</vt:lpstr>
      <vt:lpstr>水産!Print_Titles</vt:lpstr>
      <vt:lpstr>調味料!Print_Titles</vt:lpstr>
      <vt:lpstr>農産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980340</dc:creator>
  <cp:lastModifiedBy>Windows ユーザー</cp:lastModifiedBy>
  <cp:lastPrinted>2017-06-21T00:34:22Z</cp:lastPrinted>
  <dcterms:created xsi:type="dcterms:W3CDTF">2016-09-11T23:41:56Z</dcterms:created>
  <dcterms:modified xsi:type="dcterms:W3CDTF">2017-10-19T06:57:18Z</dcterms:modified>
</cp:coreProperties>
</file>